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6" Type="http://schemas.microsoft.com/office/2011/relationships/webextensiontaskpanes" Target="xl/webextensions/taskpanes.xml"/><Relationship Id="rId5" Type="http://schemas.microsoft.com/office/2020/02/relationships/classificationlabels" Target="docMetadata/LabelInfo.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4" rupBuild="29721"/>
  <workbookPr/>
  <mc:AlternateContent xmlns:mc="http://schemas.openxmlformats.org/markup-compatibility/2006">
    <mc:Choice Requires="x15">
      <x15ac:absPath xmlns:x15ac="http://schemas.microsoft.com/office/spreadsheetml/2010/11/ac" url="https://lgadigital.sharepoint.com/sites/PAS/Local Plans/Local Plan Support/Programme 2025_2026/Procurement and Proposal/Project Management Template and Guidance/FINAL VERSION/"/>
    </mc:Choice>
  </mc:AlternateContent>
  <xr:revisionPtr revIDLastSave="1" documentId="8_{27AC9F5B-7231-4E6E-A3A0-EC36E610DCF1}" xr6:coauthVersionLast="47" xr6:coauthVersionMax="47" xr10:uidLastSave="{854E06F9-A85A-4F28-8986-5F9B544613F0}"/>
  <bookViews>
    <workbookView xWindow="28680" yWindow="-120" windowWidth="29040" windowHeight="15720" firstSheet="6" xr2:uid="{00000000-000D-0000-FFFF-FFFF00000000}"/>
  </bookViews>
  <sheets>
    <sheet name="0. Introduction" sheetId="7" r:id="rId1"/>
    <sheet name="1. PLEASE READ - Using the tool" sheetId="10" r:id="rId2"/>
    <sheet name="2. Summary tracker" sheetId="4" r:id="rId3"/>
    <sheet name="3. Blank Project Plan" sheetId="12" r:id="rId4"/>
    <sheet name="4. Worked Project Plan" sheetId="5" r:id="rId5"/>
    <sheet name="5. Key Meetings" sheetId="9" r:id="rId6"/>
    <sheet name="6. Risk Register" sheetId="8" r:id="rId7"/>
  </sheets>
  <definedNames>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 name="_xlnm.Print_Area" localSheetId="2">'2. Summary tracker'!$B$1:$D$25</definedName>
    <definedName name="_xlnm.Print_Area" localSheetId="5">'5. Key Meetings'!$B$1:$D$19</definedName>
    <definedName name="Z_3F5342EC_FC55_4930_8ADA_90ED7A7A3001_.wvu.Cols" localSheetId="3" hidden="1">'3. Blank Project Plan'!$L:$S</definedName>
    <definedName name="Z_3F5342EC_FC55_4930_8ADA_90ED7A7A3001_.wvu.Cols" localSheetId="4" hidden="1">'4. Worked Project Plan'!$L:$S</definedName>
  </definedNames>
  <calcPr calcId="191028"/>
  <customWorkbookViews>
    <customWorkbookView name="Print 1" guid="{3F5342EC-FC55-4930-8ADA-90ED7A7A3001}" maximized="1" xWindow="-1928" yWindow="-8" windowWidth="1936" windowHeight="1168" activeSheetId="4"/>
  </customWorkbookViews>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BH50" i="12" l="1"/>
  <c r="BG50" i="12"/>
  <c r="BF50" i="12"/>
  <c r="BE50" i="12"/>
  <c r="BD50" i="12"/>
  <c r="BC50" i="12"/>
  <c r="BB50" i="12"/>
  <c r="BA50" i="12"/>
  <c r="AZ50" i="12"/>
  <c r="AY50" i="12"/>
  <c r="AX50" i="12"/>
  <c r="AW50" i="12"/>
  <c r="AV50" i="12"/>
  <c r="AU50" i="12"/>
  <c r="AT50" i="12"/>
  <c r="AS50" i="12"/>
  <c r="AR50" i="12"/>
  <c r="AQ50" i="12"/>
  <c r="AP50" i="12"/>
  <c r="AO50" i="12"/>
  <c r="AN50" i="12"/>
  <c r="AM50" i="12"/>
  <c r="AL50" i="12"/>
  <c r="AK50" i="12"/>
  <c r="AJ50" i="12"/>
  <c r="AI50" i="12"/>
  <c r="AH50" i="12"/>
  <c r="AG50" i="12"/>
  <c r="AF50" i="12"/>
  <c r="AE50" i="12"/>
  <c r="AD50" i="12"/>
  <c r="AC50" i="12"/>
  <c r="AB50" i="12"/>
  <c r="AA50" i="12"/>
  <c r="Z50" i="12"/>
  <c r="Y50" i="12"/>
  <c r="X50" i="12"/>
  <c r="W50" i="12"/>
  <c r="V50" i="12"/>
  <c r="U50" i="12"/>
  <c r="T50" i="12"/>
  <c r="S50" i="12"/>
  <c r="R50" i="12"/>
  <c r="Q50" i="12"/>
  <c r="P50" i="12"/>
  <c r="O50" i="12"/>
  <c r="N50" i="12"/>
  <c r="M50" i="12"/>
  <c r="L50" i="12"/>
  <c r="K50" i="12"/>
  <c r="J50" i="12"/>
  <c r="I50" i="12"/>
  <c r="BH49" i="12"/>
  <c r="BG49" i="12"/>
  <c r="BF49" i="12"/>
  <c r="BE49" i="12"/>
  <c r="BD49" i="12"/>
  <c r="BC49" i="12"/>
  <c r="BB49" i="12"/>
  <c r="BA49" i="12"/>
  <c r="AZ49" i="12"/>
  <c r="AY49" i="12"/>
  <c r="AX49" i="12"/>
  <c r="AW49" i="12"/>
  <c r="AV49" i="12"/>
  <c r="AU49" i="12"/>
  <c r="AT49" i="12"/>
  <c r="AS49" i="12"/>
  <c r="AR49" i="12"/>
  <c r="AQ49" i="12"/>
  <c r="AP49" i="12"/>
  <c r="AO49" i="12"/>
  <c r="AN49" i="12"/>
  <c r="AM49" i="12"/>
  <c r="AL49" i="12"/>
  <c r="AK49" i="12"/>
  <c r="AJ49" i="12"/>
  <c r="AI49" i="12"/>
  <c r="AH49" i="12"/>
  <c r="AG49" i="12"/>
  <c r="AF49" i="12"/>
  <c r="AE49" i="12"/>
  <c r="AD49" i="12"/>
  <c r="AC49" i="12"/>
  <c r="AB49" i="12"/>
  <c r="AA49" i="12"/>
  <c r="Z49" i="12"/>
  <c r="Y49" i="12"/>
  <c r="X49" i="12"/>
  <c r="W49" i="12"/>
  <c r="V49" i="12"/>
  <c r="U49" i="12"/>
  <c r="T49" i="12"/>
  <c r="S49" i="12"/>
  <c r="R49" i="12"/>
  <c r="Q49" i="12"/>
  <c r="P49" i="12"/>
  <c r="O49" i="12"/>
  <c r="N49" i="12"/>
  <c r="M49" i="12"/>
  <c r="L49" i="12"/>
  <c r="K49" i="12"/>
  <c r="J49" i="12"/>
  <c r="I49" i="12"/>
  <c r="BH48" i="12"/>
  <c r="BG48" i="12"/>
  <c r="BF48" i="12"/>
  <c r="BE48" i="12"/>
  <c r="BD48" i="12"/>
  <c r="BC48" i="12"/>
  <c r="BB48" i="12"/>
  <c r="BA48" i="12"/>
  <c r="AZ48" i="12"/>
  <c r="AY48" i="12"/>
  <c r="AX48" i="12"/>
  <c r="AW48" i="12"/>
  <c r="AV48" i="12"/>
  <c r="AU48" i="12"/>
  <c r="AT48" i="12"/>
  <c r="AS48" i="12"/>
  <c r="AR48" i="12"/>
  <c r="AQ48" i="12"/>
  <c r="AP48" i="12"/>
  <c r="AO48" i="12"/>
  <c r="AN48" i="12"/>
  <c r="AM48" i="12"/>
  <c r="AL48" i="12"/>
  <c r="AK48" i="12"/>
  <c r="AJ48" i="12"/>
  <c r="AI48" i="12"/>
  <c r="AH48" i="12"/>
  <c r="AG48" i="12"/>
  <c r="AF48" i="12"/>
  <c r="AE48" i="12"/>
  <c r="AD48" i="12"/>
  <c r="AC48" i="12"/>
  <c r="AB48" i="12"/>
  <c r="AA48" i="12"/>
  <c r="Z48" i="12"/>
  <c r="Y48" i="12"/>
  <c r="X48" i="12"/>
  <c r="W48" i="12"/>
  <c r="V48" i="12"/>
  <c r="U48" i="12"/>
  <c r="T48" i="12"/>
  <c r="S48" i="12"/>
  <c r="R48" i="12"/>
  <c r="Q48" i="12"/>
  <c r="P48" i="12"/>
  <c r="O48" i="12"/>
  <c r="N48" i="12"/>
  <c r="M48" i="12"/>
  <c r="L48" i="12"/>
  <c r="K48" i="12"/>
  <c r="J48" i="12"/>
  <c r="I48" i="12"/>
  <c r="BH47" i="12"/>
  <c r="BG47" i="12"/>
  <c r="BF47" i="12"/>
  <c r="BE47" i="12"/>
  <c r="BD47" i="12"/>
  <c r="BC47" i="12"/>
  <c r="BB47" i="12"/>
  <c r="BA47" i="12"/>
  <c r="AZ47" i="12"/>
  <c r="AY47" i="12"/>
  <c r="AX47" i="12"/>
  <c r="AW47" i="12"/>
  <c r="AV47" i="12"/>
  <c r="AU47" i="12"/>
  <c r="AT47" i="12"/>
  <c r="AS47" i="12"/>
  <c r="AR47" i="12"/>
  <c r="AQ47" i="12"/>
  <c r="AP47" i="12"/>
  <c r="AO47" i="12"/>
  <c r="AN47" i="12"/>
  <c r="AM47" i="12"/>
  <c r="AL47" i="12"/>
  <c r="AK47" i="12"/>
  <c r="AJ47" i="12"/>
  <c r="AI47" i="12"/>
  <c r="AH47" i="12"/>
  <c r="AG47" i="12"/>
  <c r="AF47" i="12"/>
  <c r="AE47" i="12"/>
  <c r="AD47" i="12"/>
  <c r="AC47" i="12"/>
  <c r="AB47" i="12"/>
  <c r="AA47" i="12"/>
  <c r="Z47" i="12"/>
  <c r="Y47" i="12"/>
  <c r="X47" i="12"/>
  <c r="W47" i="12"/>
  <c r="V47" i="12"/>
  <c r="U47" i="12"/>
  <c r="T47" i="12"/>
  <c r="S47" i="12"/>
  <c r="R47" i="12"/>
  <c r="Q47" i="12"/>
  <c r="P47" i="12"/>
  <c r="O47" i="12"/>
  <c r="N47" i="12"/>
  <c r="M47" i="12"/>
  <c r="L47" i="12"/>
  <c r="K47" i="12"/>
  <c r="J47" i="12"/>
  <c r="I47" i="12"/>
  <c r="BH46" i="12"/>
  <c r="BG46" i="12"/>
  <c r="BF46" i="12"/>
  <c r="BE46" i="12"/>
  <c r="BD46" i="12"/>
  <c r="BC46" i="12"/>
  <c r="BB46" i="12"/>
  <c r="BA46" i="12"/>
  <c r="AZ46" i="12"/>
  <c r="AY46" i="12"/>
  <c r="AX46" i="12"/>
  <c r="AW46" i="12"/>
  <c r="AV46" i="12"/>
  <c r="AU46" i="12"/>
  <c r="AT46" i="12"/>
  <c r="AS46" i="12"/>
  <c r="AR46" i="12"/>
  <c r="AQ46" i="12"/>
  <c r="AP46" i="12"/>
  <c r="AO46" i="12"/>
  <c r="AN46" i="12"/>
  <c r="AM46" i="12"/>
  <c r="AL46" i="12"/>
  <c r="AK46" i="12"/>
  <c r="AJ46" i="12"/>
  <c r="AI46" i="12"/>
  <c r="AH46" i="12"/>
  <c r="AG46" i="12"/>
  <c r="AF46" i="12"/>
  <c r="AE46" i="12"/>
  <c r="AD46" i="12"/>
  <c r="AC46" i="12"/>
  <c r="AB46" i="12"/>
  <c r="AA46" i="12"/>
  <c r="Z46" i="12"/>
  <c r="Y46" i="12"/>
  <c r="X46" i="12"/>
  <c r="W46" i="12"/>
  <c r="V46" i="12"/>
  <c r="U46" i="12"/>
  <c r="T46" i="12"/>
  <c r="S46" i="12"/>
  <c r="R46" i="12"/>
  <c r="Q46" i="12"/>
  <c r="P46" i="12"/>
  <c r="O46" i="12"/>
  <c r="N46" i="12"/>
  <c r="M46" i="12"/>
  <c r="L46" i="12"/>
  <c r="K46" i="12"/>
  <c r="J46" i="12"/>
  <c r="I46" i="12"/>
  <c r="BH45" i="12"/>
  <c r="BG45" i="12"/>
  <c r="BF45" i="12"/>
  <c r="BE45" i="12"/>
  <c r="BD45" i="12"/>
  <c r="BC45" i="12"/>
  <c r="BB45" i="12"/>
  <c r="BA45" i="12"/>
  <c r="AZ45" i="12"/>
  <c r="AY45" i="12"/>
  <c r="AX45" i="12"/>
  <c r="AW45" i="12"/>
  <c r="AV45" i="12"/>
  <c r="AU45" i="12"/>
  <c r="AT45" i="12"/>
  <c r="AS45" i="12"/>
  <c r="AR45" i="12"/>
  <c r="AQ45" i="12"/>
  <c r="AP45" i="12"/>
  <c r="AO45" i="12"/>
  <c r="AN45" i="12"/>
  <c r="AM45" i="12"/>
  <c r="AL45" i="12"/>
  <c r="AK45" i="12"/>
  <c r="AJ45" i="12"/>
  <c r="AI45" i="12"/>
  <c r="AH45" i="12"/>
  <c r="AG45" i="12"/>
  <c r="AF45" i="12"/>
  <c r="AE45" i="12"/>
  <c r="AD45" i="12"/>
  <c r="AC45" i="12"/>
  <c r="AB45" i="12"/>
  <c r="AA45" i="12"/>
  <c r="Z45" i="12"/>
  <c r="Y45" i="12"/>
  <c r="X45" i="12"/>
  <c r="W45" i="12"/>
  <c r="V45" i="12"/>
  <c r="U45" i="12"/>
  <c r="T45" i="12"/>
  <c r="S45" i="12"/>
  <c r="R45" i="12"/>
  <c r="Q45" i="12"/>
  <c r="P45" i="12"/>
  <c r="O45" i="12"/>
  <c r="N45" i="12"/>
  <c r="M45" i="12"/>
  <c r="L45" i="12"/>
  <c r="K45" i="12"/>
  <c r="J45" i="12"/>
  <c r="I45" i="12"/>
  <c r="BH44" i="12"/>
  <c r="BG44" i="12"/>
  <c r="BF44" i="12"/>
  <c r="BE44" i="12"/>
  <c r="BD44" i="12"/>
  <c r="BC44" i="12"/>
  <c r="BB44" i="12"/>
  <c r="BA44" i="12"/>
  <c r="AZ44" i="12"/>
  <c r="AY44" i="12"/>
  <c r="AX44" i="12"/>
  <c r="AW44" i="12"/>
  <c r="AV44" i="12"/>
  <c r="AU44" i="12"/>
  <c r="AT44" i="12"/>
  <c r="AS44" i="12"/>
  <c r="AR44" i="12"/>
  <c r="AQ44" i="12"/>
  <c r="AP44" i="12"/>
  <c r="AO44" i="12"/>
  <c r="AN44" i="12"/>
  <c r="AM44" i="12"/>
  <c r="AL44" i="12"/>
  <c r="AK44" i="12"/>
  <c r="AJ44" i="12"/>
  <c r="AI44" i="12"/>
  <c r="AH44" i="12"/>
  <c r="AG44" i="12"/>
  <c r="AF44" i="12"/>
  <c r="AE44" i="12"/>
  <c r="AD44" i="12"/>
  <c r="AC44" i="12"/>
  <c r="AB44" i="12"/>
  <c r="AA44" i="12"/>
  <c r="Z44" i="12"/>
  <c r="Y44" i="12"/>
  <c r="X44" i="12"/>
  <c r="W44" i="12"/>
  <c r="V44" i="12"/>
  <c r="U44" i="12"/>
  <c r="T44" i="12"/>
  <c r="S44" i="12"/>
  <c r="R44" i="12"/>
  <c r="Q44" i="12"/>
  <c r="P44" i="12"/>
  <c r="O44" i="12"/>
  <c r="N44" i="12"/>
  <c r="M44" i="12"/>
  <c r="L44" i="12"/>
  <c r="K44" i="12"/>
  <c r="J44" i="12"/>
  <c r="I44" i="12"/>
  <c r="BH43" i="12"/>
  <c r="BG43" i="12"/>
  <c r="BF43" i="12"/>
  <c r="BE43" i="12"/>
  <c r="BD43" i="12"/>
  <c r="BC43" i="12"/>
  <c r="BB43" i="12"/>
  <c r="BA43" i="12"/>
  <c r="AZ43" i="12"/>
  <c r="AY43" i="12"/>
  <c r="AX43" i="12"/>
  <c r="AW43" i="12"/>
  <c r="AV43" i="12"/>
  <c r="AU43" i="12"/>
  <c r="AT43" i="12"/>
  <c r="AS43" i="12"/>
  <c r="AR43" i="12"/>
  <c r="AQ43" i="12"/>
  <c r="AP43" i="12"/>
  <c r="AO43" i="12"/>
  <c r="AN43" i="12"/>
  <c r="AM43" i="12"/>
  <c r="AL43" i="12"/>
  <c r="AK43" i="12"/>
  <c r="AJ43" i="12"/>
  <c r="AI43" i="12"/>
  <c r="AH43" i="12"/>
  <c r="AG43" i="12"/>
  <c r="AF43" i="12"/>
  <c r="AE43" i="12"/>
  <c r="AD43" i="12"/>
  <c r="AC43" i="12"/>
  <c r="AB43" i="12"/>
  <c r="AA43" i="12"/>
  <c r="Z43" i="12"/>
  <c r="Y43" i="12"/>
  <c r="X43" i="12"/>
  <c r="W43" i="12"/>
  <c r="V43" i="12"/>
  <c r="U43" i="12"/>
  <c r="T43" i="12"/>
  <c r="S43" i="12"/>
  <c r="R43" i="12"/>
  <c r="Q43" i="12"/>
  <c r="P43" i="12"/>
  <c r="O43" i="12"/>
  <c r="N43" i="12"/>
  <c r="M43" i="12"/>
  <c r="L43" i="12"/>
  <c r="K43" i="12"/>
  <c r="J43" i="12"/>
  <c r="I43" i="12"/>
  <c r="BH42" i="12"/>
  <c r="BG42" i="12"/>
  <c r="BF42" i="12"/>
  <c r="BE42" i="12"/>
  <c r="BD42" i="12"/>
  <c r="BC42" i="12"/>
  <c r="BB42" i="12"/>
  <c r="BA42" i="12"/>
  <c r="AZ42" i="12"/>
  <c r="AY42" i="12"/>
  <c r="AX42" i="12"/>
  <c r="AW42" i="12"/>
  <c r="AV42" i="12"/>
  <c r="AU42" i="12"/>
  <c r="AT42" i="12"/>
  <c r="AS42" i="12"/>
  <c r="AR42" i="12"/>
  <c r="AQ42" i="12"/>
  <c r="AP42" i="12"/>
  <c r="AO42" i="12"/>
  <c r="AN42" i="12"/>
  <c r="AM42" i="12"/>
  <c r="AL42" i="12"/>
  <c r="AK42" i="12"/>
  <c r="AJ42" i="12"/>
  <c r="AI42" i="12"/>
  <c r="AH42" i="12"/>
  <c r="AG42" i="12"/>
  <c r="AF42" i="12"/>
  <c r="AE42" i="12"/>
  <c r="AD42" i="12"/>
  <c r="AC42" i="12"/>
  <c r="AB42" i="12"/>
  <c r="AA42" i="12"/>
  <c r="Z42" i="12"/>
  <c r="Y42" i="12"/>
  <c r="X42" i="12"/>
  <c r="W42" i="12"/>
  <c r="V42" i="12"/>
  <c r="U42" i="12"/>
  <c r="T42" i="12"/>
  <c r="S42" i="12"/>
  <c r="R42" i="12"/>
  <c r="Q42" i="12"/>
  <c r="P42" i="12"/>
  <c r="O42" i="12"/>
  <c r="N42" i="12"/>
  <c r="M42" i="12"/>
  <c r="L42" i="12"/>
  <c r="K42" i="12"/>
  <c r="J42" i="12"/>
  <c r="I42" i="12"/>
  <c r="BH41" i="12"/>
  <c r="BG41" i="12"/>
  <c r="BF41" i="12"/>
  <c r="BE41" i="12"/>
  <c r="BD41" i="12"/>
  <c r="BC41" i="12"/>
  <c r="BB41" i="12"/>
  <c r="BA41" i="12"/>
  <c r="AZ41" i="12"/>
  <c r="AY41" i="12"/>
  <c r="AX41" i="12"/>
  <c r="AW41" i="12"/>
  <c r="AV41" i="12"/>
  <c r="AU41" i="12"/>
  <c r="AT41" i="12"/>
  <c r="AS41" i="12"/>
  <c r="AR41" i="12"/>
  <c r="AQ41" i="12"/>
  <c r="AP41" i="12"/>
  <c r="AO41" i="12"/>
  <c r="AN41" i="12"/>
  <c r="AM41" i="12"/>
  <c r="AL41" i="12"/>
  <c r="AK41" i="12"/>
  <c r="AJ41" i="12"/>
  <c r="AI41" i="12"/>
  <c r="AH41" i="12"/>
  <c r="AG41" i="12"/>
  <c r="AF41" i="12"/>
  <c r="AE41" i="12"/>
  <c r="AD41" i="12"/>
  <c r="AC41" i="12"/>
  <c r="AB41" i="12"/>
  <c r="AA41" i="12"/>
  <c r="Z41" i="12"/>
  <c r="Y41" i="12"/>
  <c r="X41" i="12"/>
  <c r="W41" i="12"/>
  <c r="V41" i="12"/>
  <c r="U41" i="12"/>
  <c r="T41" i="12"/>
  <c r="S41" i="12"/>
  <c r="R41" i="12"/>
  <c r="Q41" i="12"/>
  <c r="P41" i="12"/>
  <c r="O41" i="12"/>
  <c r="N41" i="12"/>
  <c r="M41" i="12"/>
  <c r="L41" i="12"/>
  <c r="K41" i="12"/>
  <c r="J41" i="12"/>
  <c r="I41" i="12"/>
  <c r="BH40" i="12"/>
  <c r="BG40" i="12"/>
  <c r="BF40" i="12"/>
  <c r="BE40" i="12"/>
  <c r="BD40" i="12"/>
  <c r="BC40" i="12"/>
  <c r="BB40" i="12"/>
  <c r="BA40" i="12"/>
  <c r="AZ40" i="12"/>
  <c r="AY40" i="12"/>
  <c r="AX40" i="12"/>
  <c r="AW40" i="12"/>
  <c r="AV40" i="12"/>
  <c r="AU40" i="12"/>
  <c r="AT40" i="12"/>
  <c r="AS40" i="12"/>
  <c r="AR40" i="12"/>
  <c r="AQ40" i="12"/>
  <c r="AP40" i="12"/>
  <c r="AO40" i="12"/>
  <c r="AN40" i="12"/>
  <c r="AM40" i="12"/>
  <c r="AL40" i="12"/>
  <c r="AK40" i="12"/>
  <c r="AJ40" i="12"/>
  <c r="AI40" i="12"/>
  <c r="AH40" i="12"/>
  <c r="AG40" i="12"/>
  <c r="AF40" i="12"/>
  <c r="AE40" i="12"/>
  <c r="AD40" i="12"/>
  <c r="AC40" i="12"/>
  <c r="AB40" i="12"/>
  <c r="AA40" i="12"/>
  <c r="Z40" i="12"/>
  <c r="Y40" i="12"/>
  <c r="X40" i="12"/>
  <c r="W40" i="12"/>
  <c r="V40" i="12"/>
  <c r="U40" i="12"/>
  <c r="T40" i="12"/>
  <c r="S40" i="12"/>
  <c r="R40" i="12"/>
  <c r="Q40" i="12"/>
  <c r="P40" i="12"/>
  <c r="O40" i="12"/>
  <c r="N40" i="12"/>
  <c r="M40" i="12"/>
  <c r="L40" i="12"/>
  <c r="K40" i="12"/>
  <c r="J40" i="12"/>
  <c r="I40" i="12"/>
  <c r="BH39" i="12"/>
  <c r="BG39" i="12"/>
  <c r="BF39" i="12"/>
  <c r="BE39" i="12"/>
  <c r="BD39" i="12"/>
  <c r="BC39" i="12"/>
  <c r="BB39" i="12"/>
  <c r="BA39" i="12"/>
  <c r="AZ39" i="12"/>
  <c r="AY39" i="12"/>
  <c r="AX39" i="12"/>
  <c r="AW39" i="12"/>
  <c r="AV39" i="12"/>
  <c r="AU39" i="12"/>
  <c r="AT39" i="12"/>
  <c r="AS39" i="12"/>
  <c r="AR39" i="12"/>
  <c r="AQ39" i="12"/>
  <c r="AP39" i="12"/>
  <c r="AO39" i="12"/>
  <c r="AN39" i="12"/>
  <c r="AM39" i="12"/>
  <c r="AL39" i="12"/>
  <c r="AK39" i="12"/>
  <c r="AJ39" i="12"/>
  <c r="AI39" i="12"/>
  <c r="AH39" i="12"/>
  <c r="AG39" i="12"/>
  <c r="AF39" i="12"/>
  <c r="AE39" i="12"/>
  <c r="AD39" i="12"/>
  <c r="AC39" i="12"/>
  <c r="AB39" i="12"/>
  <c r="AA39" i="12"/>
  <c r="Z39" i="12"/>
  <c r="Y39" i="12"/>
  <c r="X39" i="12"/>
  <c r="W39" i="12"/>
  <c r="V39" i="12"/>
  <c r="U39" i="12"/>
  <c r="T39" i="12"/>
  <c r="S39" i="12"/>
  <c r="R39" i="12"/>
  <c r="Q39" i="12"/>
  <c r="P39" i="12"/>
  <c r="O39" i="12"/>
  <c r="N39" i="12"/>
  <c r="M39" i="12"/>
  <c r="L39" i="12"/>
  <c r="K39" i="12"/>
  <c r="J39" i="12"/>
  <c r="I39" i="12"/>
  <c r="BH38" i="12"/>
  <c r="BG38" i="12"/>
  <c r="BF38" i="12"/>
  <c r="BE38" i="12"/>
  <c r="BD38" i="12"/>
  <c r="BH37" i="12"/>
  <c r="BG37" i="12"/>
  <c r="BF37" i="12"/>
  <c r="BE37" i="12"/>
  <c r="BD37" i="12"/>
  <c r="BH36" i="12"/>
  <c r="BG36" i="12"/>
  <c r="BF36" i="12"/>
  <c r="BE36" i="12"/>
  <c r="BD36" i="12"/>
  <c r="BC36" i="12"/>
  <c r="BB36" i="12"/>
  <c r="BA36" i="12"/>
  <c r="AZ36" i="12"/>
  <c r="AY36" i="12"/>
  <c r="AX36" i="12"/>
  <c r="AW36" i="12"/>
  <c r="AV36" i="12"/>
  <c r="AU36" i="12"/>
  <c r="AT36" i="12"/>
  <c r="AS36" i="12"/>
  <c r="AR36" i="12"/>
  <c r="AQ36" i="12"/>
  <c r="AP36" i="12"/>
  <c r="AO36" i="12"/>
  <c r="AN36" i="12"/>
  <c r="AM36" i="12"/>
  <c r="AL36" i="12"/>
  <c r="AK36" i="12"/>
  <c r="AJ36" i="12"/>
  <c r="AI36" i="12"/>
  <c r="AH36" i="12"/>
  <c r="AG36" i="12"/>
  <c r="AF36" i="12"/>
  <c r="AE36" i="12"/>
  <c r="AD36" i="12"/>
  <c r="AC36" i="12"/>
  <c r="AB36" i="12"/>
  <c r="AA36" i="12"/>
  <c r="Z36" i="12"/>
  <c r="Y36" i="12"/>
  <c r="X36" i="12"/>
  <c r="W36" i="12"/>
  <c r="V36" i="12"/>
  <c r="U36" i="12"/>
  <c r="T36" i="12"/>
  <c r="S36" i="12"/>
  <c r="R36" i="12"/>
  <c r="Q36" i="12"/>
  <c r="P36" i="12"/>
  <c r="O36" i="12"/>
  <c r="N36" i="12"/>
  <c r="M36" i="12"/>
  <c r="L36" i="12"/>
  <c r="K36" i="12"/>
  <c r="J36" i="12"/>
  <c r="I36" i="12"/>
  <c r="BH35" i="12"/>
  <c r="BG35" i="12"/>
  <c r="BF35" i="12"/>
  <c r="BE35" i="12"/>
  <c r="BD35" i="12"/>
  <c r="BC35" i="12"/>
  <c r="BB35" i="12"/>
  <c r="BA35" i="12"/>
  <c r="AZ35" i="12"/>
  <c r="AY35" i="12"/>
  <c r="AX35" i="12"/>
  <c r="AW35" i="12"/>
  <c r="AV35" i="12"/>
  <c r="AU35" i="12"/>
  <c r="AT35" i="12"/>
  <c r="AS35" i="12"/>
  <c r="AR35" i="12"/>
  <c r="AQ35" i="12"/>
  <c r="AP35" i="12"/>
  <c r="AO35" i="12"/>
  <c r="AN35" i="12"/>
  <c r="AM35" i="12"/>
  <c r="AL35" i="12"/>
  <c r="AK35" i="12"/>
  <c r="AJ35" i="12"/>
  <c r="AI35" i="12"/>
  <c r="AH35" i="12"/>
  <c r="AG35" i="12"/>
  <c r="AF35" i="12"/>
  <c r="AE35" i="12"/>
  <c r="AD35" i="12"/>
  <c r="AC35" i="12"/>
  <c r="AB35" i="12"/>
  <c r="AA35" i="12"/>
  <c r="Z35" i="12"/>
  <c r="Y35" i="12"/>
  <c r="X35" i="12"/>
  <c r="W35" i="12"/>
  <c r="V35" i="12"/>
  <c r="U35" i="12"/>
  <c r="T35" i="12"/>
  <c r="S35" i="12"/>
  <c r="R35" i="12"/>
  <c r="Q35" i="12"/>
  <c r="P35" i="12"/>
  <c r="O35" i="12"/>
  <c r="N35" i="12"/>
  <c r="M35" i="12"/>
  <c r="L35" i="12"/>
  <c r="K35" i="12"/>
  <c r="J35" i="12"/>
  <c r="I35" i="12"/>
  <c r="BH34" i="12"/>
  <c r="BG34" i="12"/>
  <c r="BF34" i="12"/>
  <c r="BE34" i="12"/>
  <c r="BD34" i="12"/>
  <c r="BC34" i="12"/>
  <c r="BB34" i="12"/>
  <c r="BA34" i="12"/>
  <c r="AZ34" i="12"/>
  <c r="AY34" i="12"/>
  <c r="AX34" i="12"/>
  <c r="AW34" i="12"/>
  <c r="AV34" i="12"/>
  <c r="AU34" i="12"/>
  <c r="AT34" i="12"/>
  <c r="AS34" i="12"/>
  <c r="AR34" i="12"/>
  <c r="AQ34" i="12"/>
  <c r="AP34" i="12"/>
  <c r="AO34" i="12"/>
  <c r="AN34" i="12"/>
  <c r="AM34" i="12"/>
  <c r="AL34" i="12"/>
  <c r="AK34" i="12"/>
  <c r="AJ34" i="12"/>
  <c r="AI34" i="12"/>
  <c r="AH34" i="12"/>
  <c r="AG34" i="12"/>
  <c r="AF34" i="12"/>
  <c r="AE34" i="12"/>
  <c r="AD34" i="12"/>
  <c r="AC34" i="12"/>
  <c r="AB34" i="12"/>
  <c r="AA34" i="12"/>
  <c r="Z34" i="12"/>
  <c r="Y34" i="12"/>
  <c r="X34" i="12"/>
  <c r="W34" i="12"/>
  <c r="V34" i="12"/>
  <c r="U34" i="12"/>
  <c r="T34" i="12"/>
  <c r="S34" i="12"/>
  <c r="R34" i="12"/>
  <c r="Q34" i="12"/>
  <c r="P34" i="12"/>
  <c r="O34" i="12"/>
  <c r="N34" i="12"/>
  <c r="M34" i="12"/>
  <c r="L34" i="12"/>
  <c r="K34" i="12"/>
  <c r="J34" i="12"/>
  <c r="I34" i="12"/>
  <c r="BH33" i="12"/>
  <c r="BG33" i="12"/>
  <c r="BF33" i="12"/>
  <c r="BE33" i="12"/>
  <c r="BD33" i="12"/>
  <c r="BC33" i="12"/>
  <c r="BB33" i="12"/>
  <c r="BA33" i="12"/>
  <c r="AZ33" i="12"/>
  <c r="AY33" i="12"/>
  <c r="AX33" i="12"/>
  <c r="AW33" i="12"/>
  <c r="AV33" i="12"/>
  <c r="AU33" i="12"/>
  <c r="AT33" i="12"/>
  <c r="AS33" i="12"/>
  <c r="AR33" i="12"/>
  <c r="AQ33" i="12"/>
  <c r="AP33" i="12"/>
  <c r="AO33" i="12"/>
  <c r="AN33" i="12"/>
  <c r="AM33" i="12"/>
  <c r="AL33" i="12"/>
  <c r="AK33" i="12"/>
  <c r="AJ33" i="12"/>
  <c r="AI33" i="12"/>
  <c r="AH33" i="12"/>
  <c r="AG33" i="12"/>
  <c r="AF33" i="12"/>
  <c r="AE33" i="12"/>
  <c r="AD33" i="12"/>
  <c r="AC33" i="12"/>
  <c r="AB33" i="12"/>
  <c r="AA33" i="12"/>
  <c r="Z33" i="12"/>
  <c r="Y33" i="12"/>
  <c r="X33" i="12"/>
  <c r="W33" i="12"/>
  <c r="V33" i="12"/>
  <c r="U33" i="12"/>
  <c r="T33" i="12"/>
  <c r="S33" i="12"/>
  <c r="R33" i="12"/>
  <c r="Q33" i="12"/>
  <c r="P33" i="12"/>
  <c r="O33" i="12"/>
  <c r="N33" i="12"/>
  <c r="M33" i="12"/>
  <c r="L33" i="12"/>
  <c r="K33" i="12"/>
  <c r="J33" i="12"/>
  <c r="I33" i="12"/>
  <c r="BB32" i="12"/>
  <c r="BA31" i="12"/>
  <c r="AS31" i="12"/>
  <c r="AK31" i="12"/>
  <c r="AC31" i="12"/>
  <c r="U31" i="12"/>
  <c r="M31" i="12"/>
  <c r="BH31" i="12"/>
  <c r="BH30" i="12"/>
  <c r="BG30" i="12"/>
  <c r="BF30" i="12"/>
  <c r="BE30" i="12"/>
  <c r="BD30" i="12"/>
  <c r="BC30" i="12"/>
  <c r="BB30" i="12"/>
  <c r="BA30" i="12"/>
  <c r="AZ30" i="12"/>
  <c r="AY30" i="12"/>
  <c r="AX30" i="12"/>
  <c r="AW30" i="12"/>
  <c r="AV30" i="12"/>
  <c r="AU30" i="12"/>
  <c r="AT30" i="12"/>
  <c r="AS30" i="12"/>
  <c r="AR30" i="12"/>
  <c r="AQ30" i="12"/>
  <c r="AP30" i="12"/>
  <c r="AO30" i="12"/>
  <c r="AN30" i="12"/>
  <c r="AM30" i="12"/>
  <c r="AL30" i="12"/>
  <c r="AK30" i="12"/>
  <c r="AJ30" i="12"/>
  <c r="AI30" i="12"/>
  <c r="AH30" i="12"/>
  <c r="AG30" i="12"/>
  <c r="AF30" i="12"/>
  <c r="AE30" i="12"/>
  <c r="AD30" i="12"/>
  <c r="AC30" i="12"/>
  <c r="AB30" i="12"/>
  <c r="AA30" i="12"/>
  <c r="Z30" i="12"/>
  <c r="Y30" i="12"/>
  <c r="X30" i="12"/>
  <c r="W30" i="12"/>
  <c r="V30" i="12"/>
  <c r="U30" i="12"/>
  <c r="T30" i="12"/>
  <c r="S30" i="12"/>
  <c r="R30" i="12"/>
  <c r="Q30" i="12"/>
  <c r="P30" i="12"/>
  <c r="O30" i="12"/>
  <c r="N30" i="12"/>
  <c r="M30" i="12"/>
  <c r="L30" i="12"/>
  <c r="K30" i="12"/>
  <c r="J30" i="12"/>
  <c r="I30" i="12"/>
  <c r="BH29" i="12"/>
  <c r="BG29" i="12"/>
  <c r="BF29" i="12"/>
  <c r="BE29" i="12"/>
  <c r="BD29" i="12"/>
  <c r="BC29" i="12"/>
  <c r="BB29" i="12"/>
  <c r="BA29" i="12"/>
  <c r="AZ29" i="12"/>
  <c r="AY29" i="12"/>
  <c r="AX29" i="12"/>
  <c r="AW29" i="12"/>
  <c r="AV29" i="12"/>
  <c r="AU29" i="12"/>
  <c r="AT29" i="12"/>
  <c r="AS29" i="12"/>
  <c r="AR29" i="12"/>
  <c r="AQ29" i="12"/>
  <c r="AP29" i="12"/>
  <c r="AO29" i="12"/>
  <c r="AN29" i="12"/>
  <c r="AM29" i="12"/>
  <c r="AL29" i="12"/>
  <c r="AK29" i="12"/>
  <c r="AJ29" i="12"/>
  <c r="AI29" i="12"/>
  <c r="AH29" i="12"/>
  <c r="AG29" i="12"/>
  <c r="AF29" i="12"/>
  <c r="AE29" i="12"/>
  <c r="AD29" i="12"/>
  <c r="AC29" i="12"/>
  <c r="AB29" i="12"/>
  <c r="AA29" i="12"/>
  <c r="Z29" i="12"/>
  <c r="Y29" i="12"/>
  <c r="X29" i="12"/>
  <c r="W29" i="12"/>
  <c r="V29" i="12"/>
  <c r="U29" i="12"/>
  <c r="T29" i="12"/>
  <c r="S29" i="12"/>
  <c r="R29" i="12"/>
  <c r="Q29" i="12"/>
  <c r="P29" i="12"/>
  <c r="O29" i="12"/>
  <c r="N29" i="12"/>
  <c r="M29" i="12"/>
  <c r="L29" i="12"/>
  <c r="K29" i="12"/>
  <c r="J29" i="12"/>
  <c r="I29" i="12"/>
  <c r="BH28" i="12"/>
  <c r="BG28" i="12"/>
  <c r="BF28" i="12"/>
  <c r="BE28" i="12"/>
  <c r="BD28" i="12"/>
  <c r="BC28" i="12"/>
  <c r="BB28" i="12"/>
  <c r="BA28" i="12"/>
  <c r="AZ28" i="12"/>
  <c r="AY28" i="12"/>
  <c r="AX28" i="12"/>
  <c r="AW28" i="12"/>
  <c r="AV28" i="12"/>
  <c r="AU28" i="12"/>
  <c r="AT28" i="12"/>
  <c r="AS28" i="12"/>
  <c r="AR28" i="12"/>
  <c r="AQ28" i="12"/>
  <c r="AP28" i="12"/>
  <c r="AO28" i="12"/>
  <c r="AN28" i="12"/>
  <c r="AM28" i="12"/>
  <c r="AL28" i="12"/>
  <c r="AK28" i="12"/>
  <c r="AJ28" i="12"/>
  <c r="AI28" i="12"/>
  <c r="AH28" i="12"/>
  <c r="AG28" i="12"/>
  <c r="AF28" i="12"/>
  <c r="AE28" i="12"/>
  <c r="AD28" i="12"/>
  <c r="AC28" i="12"/>
  <c r="AB28" i="12"/>
  <c r="AA28" i="12"/>
  <c r="Z28" i="12"/>
  <c r="Y28" i="12"/>
  <c r="X28" i="12"/>
  <c r="W28" i="12"/>
  <c r="V28" i="12"/>
  <c r="U28" i="12"/>
  <c r="T28" i="12"/>
  <c r="S28" i="12"/>
  <c r="R28" i="12"/>
  <c r="Q28" i="12"/>
  <c r="P28" i="12"/>
  <c r="O28" i="12"/>
  <c r="N28" i="12"/>
  <c r="M28" i="12"/>
  <c r="L28" i="12"/>
  <c r="K28" i="12"/>
  <c r="J28" i="12"/>
  <c r="I28" i="12"/>
  <c r="BB27" i="12"/>
  <c r="BA26" i="12"/>
  <c r="AS26" i="12"/>
  <c r="AK26" i="12"/>
  <c r="AC26" i="12"/>
  <c r="U26" i="12"/>
  <c r="M26" i="12"/>
  <c r="BH26" i="12"/>
  <c r="BH25" i="12"/>
  <c r="BG25" i="12"/>
  <c r="BF25" i="12"/>
  <c r="BE25" i="12"/>
  <c r="BD25" i="12"/>
  <c r="BC25" i="12"/>
  <c r="BB25" i="12"/>
  <c r="BA25" i="12"/>
  <c r="AZ25" i="12"/>
  <c r="AY25" i="12"/>
  <c r="AX25" i="12"/>
  <c r="AW25" i="12"/>
  <c r="AV25" i="12"/>
  <c r="AU25" i="12"/>
  <c r="AT25" i="12"/>
  <c r="AS25" i="12"/>
  <c r="AR25" i="12"/>
  <c r="AQ25" i="12"/>
  <c r="AP25" i="12"/>
  <c r="AO25" i="12"/>
  <c r="AN25" i="12"/>
  <c r="AM25" i="12"/>
  <c r="AL25" i="12"/>
  <c r="AK25" i="12"/>
  <c r="AJ25" i="12"/>
  <c r="AI25" i="12"/>
  <c r="AH25" i="12"/>
  <c r="AG25" i="12"/>
  <c r="AF25" i="12"/>
  <c r="AE25" i="12"/>
  <c r="AD25" i="12"/>
  <c r="AC25" i="12"/>
  <c r="AB25" i="12"/>
  <c r="AA25" i="12"/>
  <c r="Z25" i="12"/>
  <c r="Y25" i="12"/>
  <c r="X25" i="12"/>
  <c r="W25" i="12"/>
  <c r="V25" i="12"/>
  <c r="U25" i="12"/>
  <c r="T25" i="12"/>
  <c r="S25" i="12"/>
  <c r="R25" i="12"/>
  <c r="Q25" i="12"/>
  <c r="P25" i="12"/>
  <c r="O25" i="12"/>
  <c r="N25" i="12"/>
  <c r="M25" i="12"/>
  <c r="L25" i="12"/>
  <c r="K25" i="12"/>
  <c r="J25" i="12"/>
  <c r="I25" i="12"/>
  <c r="BH23" i="12"/>
  <c r="BE23" i="12"/>
  <c r="BC23" i="12"/>
  <c r="BB23" i="12"/>
  <c r="BA23" i="12"/>
  <c r="AZ23" i="12"/>
  <c r="AW23" i="12"/>
  <c r="AU23" i="12"/>
  <c r="AT23" i="12"/>
  <c r="AS23" i="12"/>
  <c r="AR23" i="12"/>
  <c r="AO23" i="12"/>
  <c r="AM23" i="12"/>
  <c r="AL23" i="12"/>
  <c r="AK23" i="12"/>
  <c r="AJ23" i="12"/>
  <c r="AG23" i="12"/>
  <c r="AE23" i="12"/>
  <c r="AD23" i="12"/>
  <c r="AC23" i="12"/>
  <c r="AB23" i="12"/>
  <c r="Y23" i="12"/>
  <c r="W23" i="12"/>
  <c r="V23" i="12"/>
  <c r="U23" i="12"/>
  <c r="T23" i="12"/>
  <c r="Q23" i="12"/>
  <c r="O23" i="12"/>
  <c r="N23" i="12"/>
  <c r="M23" i="12"/>
  <c r="L23" i="12"/>
  <c r="I23" i="12"/>
  <c r="BG23" i="12"/>
  <c r="BH22" i="12"/>
  <c r="BG22" i="12"/>
  <c r="BF22" i="12"/>
  <c r="BE22" i="12"/>
  <c r="BD22" i="12"/>
  <c r="BC22" i="12"/>
  <c r="BB22" i="12"/>
  <c r="BA22" i="12"/>
  <c r="AZ22" i="12"/>
  <c r="AY22" i="12"/>
  <c r="AX22" i="12"/>
  <c r="AW22" i="12"/>
  <c r="AV22" i="12"/>
  <c r="AU22" i="12"/>
  <c r="AT22" i="12"/>
  <c r="AS22" i="12"/>
  <c r="AR22" i="12"/>
  <c r="AQ22" i="12"/>
  <c r="AP22" i="12"/>
  <c r="AO22" i="12"/>
  <c r="AN22" i="12"/>
  <c r="AM22" i="12"/>
  <c r="AL22" i="12"/>
  <c r="AK22" i="12"/>
  <c r="AJ22" i="12"/>
  <c r="AI22" i="12"/>
  <c r="AH22" i="12"/>
  <c r="AG22" i="12"/>
  <c r="AF22" i="12"/>
  <c r="AE22" i="12"/>
  <c r="AD22" i="12"/>
  <c r="AC22" i="12"/>
  <c r="AB22" i="12"/>
  <c r="AA22" i="12"/>
  <c r="Z22" i="12"/>
  <c r="Y22" i="12"/>
  <c r="X22" i="12"/>
  <c r="W22" i="12"/>
  <c r="V22" i="12"/>
  <c r="U22" i="12"/>
  <c r="T22" i="12"/>
  <c r="S22" i="12"/>
  <c r="R22" i="12"/>
  <c r="Q22" i="12"/>
  <c r="P22" i="12"/>
  <c r="O22" i="12"/>
  <c r="N22" i="12"/>
  <c r="M22" i="12"/>
  <c r="L22" i="12"/>
  <c r="K22" i="12"/>
  <c r="J22" i="12"/>
  <c r="I22" i="12"/>
  <c r="BH21" i="12"/>
  <c r="BG21" i="12"/>
  <c r="BF21" i="12"/>
  <c r="BE21" i="12"/>
  <c r="BD21" i="12"/>
  <c r="BC21" i="12"/>
  <c r="BB21" i="12"/>
  <c r="BA21" i="12"/>
  <c r="AZ21" i="12"/>
  <c r="AY21" i="12"/>
  <c r="AX21" i="12"/>
  <c r="AW21" i="12"/>
  <c r="AV21" i="12"/>
  <c r="AU21" i="12"/>
  <c r="AT21" i="12"/>
  <c r="AS21" i="12"/>
  <c r="AR21" i="12"/>
  <c r="AQ21" i="12"/>
  <c r="AP21" i="12"/>
  <c r="AO21" i="12"/>
  <c r="AN21" i="12"/>
  <c r="AM21" i="12"/>
  <c r="AL21" i="12"/>
  <c r="AK21" i="12"/>
  <c r="AJ21" i="12"/>
  <c r="AI21" i="12"/>
  <c r="AH21" i="12"/>
  <c r="AG21" i="12"/>
  <c r="AF21" i="12"/>
  <c r="AE21" i="12"/>
  <c r="AD21" i="12"/>
  <c r="AC21" i="12"/>
  <c r="AB21" i="12"/>
  <c r="AA21" i="12"/>
  <c r="Z21" i="12"/>
  <c r="Y21" i="12"/>
  <c r="X21" i="12"/>
  <c r="W21" i="12"/>
  <c r="V21" i="12"/>
  <c r="U21" i="12"/>
  <c r="T21" i="12"/>
  <c r="S21" i="12"/>
  <c r="R21" i="12"/>
  <c r="Q21" i="12"/>
  <c r="P21" i="12"/>
  <c r="O21" i="12"/>
  <c r="N21" i="12"/>
  <c r="M21" i="12"/>
  <c r="L21" i="12"/>
  <c r="K21" i="12"/>
  <c r="J21" i="12"/>
  <c r="I21" i="12"/>
  <c r="BH20" i="12"/>
  <c r="BG20" i="12"/>
  <c r="BF20" i="12"/>
  <c r="BE20" i="12"/>
  <c r="BB20" i="12"/>
  <c r="AZ20" i="12"/>
  <c r="AY20" i="12"/>
  <c r="AX20" i="12"/>
  <c r="AW20" i="12"/>
  <c r="AT20" i="12"/>
  <c r="AR20" i="12"/>
  <c r="AQ20" i="12"/>
  <c r="AP20" i="12"/>
  <c r="AO20" i="12"/>
  <c r="AL20" i="12"/>
  <c r="AJ20" i="12"/>
  <c r="AI20" i="12"/>
  <c r="AH20" i="12"/>
  <c r="AG20" i="12"/>
  <c r="AD20" i="12"/>
  <c r="AB20" i="12"/>
  <c r="AA20" i="12"/>
  <c r="Z20" i="12"/>
  <c r="Y20" i="12"/>
  <c r="V20" i="12"/>
  <c r="T20" i="12"/>
  <c r="S20" i="12"/>
  <c r="R20" i="12"/>
  <c r="Q20" i="12"/>
  <c r="N20" i="12"/>
  <c r="L20" i="12"/>
  <c r="K20" i="12"/>
  <c r="J20" i="12"/>
  <c r="I20" i="12"/>
  <c r="BD20" i="12"/>
  <c r="BH19" i="12"/>
  <c r="BG19" i="12"/>
  <c r="BF19" i="12"/>
  <c r="BE19" i="12"/>
  <c r="BD19" i="12"/>
  <c r="BC19" i="12"/>
  <c r="BB19" i="12"/>
  <c r="BA19" i="12"/>
  <c r="AZ19" i="12"/>
  <c r="AY19" i="12"/>
  <c r="AX19" i="12"/>
  <c r="AW19" i="12"/>
  <c r="AV19" i="12"/>
  <c r="AU19" i="12"/>
  <c r="AT19" i="12"/>
  <c r="AS19" i="12"/>
  <c r="AR19" i="12"/>
  <c r="AQ19" i="12"/>
  <c r="AP19" i="12"/>
  <c r="AO19" i="12"/>
  <c r="AN19" i="12"/>
  <c r="AM19" i="12"/>
  <c r="AL19" i="12"/>
  <c r="AK19" i="12"/>
  <c r="AJ19" i="12"/>
  <c r="AI19" i="12"/>
  <c r="AH19" i="12"/>
  <c r="AG19" i="12"/>
  <c r="AF19" i="12"/>
  <c r="AE19" i="12"/>
  <c r="AD19" i="12"/>
  <c r="AC19" i="12"/>
  <c r="AB19" i="12"/>
  <c r="AA19" i="12"/>
  <c r="Z19" i="12"/>
  <c r="Y19" i="12"/>
  <c r="X19" i="12"/>
  <c r="W19" i="12"/>
  <c r="V19" i="12"/>
  <c r="U19" i="12"/>
  <c r="T19" i="12"/>
  <c r="S19" i="12"/>
  <c r="R19" i="12"/>
  <c r="Q19" i="12"/>
  <c r="P19" i="12"/>
  <c r="O19" i="12"/>
  <c r="N19" i="12"/>
  <c r="M19" i="12"/>
  <c r="L19" i="12"/>
  <c r="K19" i="12"/>
  <c r="J19" i="12"/>
  <c r="I19" i="12"/>
  <c r="BH18" i="12"/>
  <c r="BH17" i="12"/>
  <c r="BG17" i="12"/>
  <c r="BF17" i="12"/>
  <c r="BE17" i="12"/>
  <c r="BD17" i="12"/>
  <c r="BC17" i="12"/>
  <c r="BB17" i="12"/>
  <c r="BA17" i="12"/>
  <c r="AZ17" i="12"/>
  <c r="AY17" i="12"/>
  <c r="AX17" i="12"/>
  <c r="AW17" i="12"/>
  <c r="AV17" i="12"/>
  <c r="AU17" i="12"/>
  <c r="AT17" i="12"/>
  <c r="AS17" i="12"/>
  <c r="AR17" i="12"/>
  <c r="AQ17" i="12"/>
  <c r="AP17" i="12"/>
  <c r="AO17" i="12"/>
  <c r="AN17" i="12"/>
  <c r="AM17" i="12"/>
  <c r="AL17" i="12"/>
  <c r="AK17" i="12"/>
  <c r="AJ17" i="12"/>
  <c r="AI17" i="12"/>
  <c r="AH17" i="12"/>
  <c r="AG17" i="12"/>
  <c r="AF17" i="12"/>
  <c r="AE17" i="12"/>
  <c r="AD17" i="12"/>
  <c r="AC17" i="12"/>
  <c r="AB17" i="12"/>
  <c r="AA17" i="12"/>
  <c r="Z17" i="12"/>
  <c r="Y17" i="12"/>
  <c r="X17" i="12"/>
  <c r="W17" i="12"/>
  <c r="V17" i="12"/>
  <c r="U17" i="12"/>
  <c r="T17" i="12"/>
  <c r="S17" i="12"/>
  <c r="R17" i="12"/>
  <c r="Q17" i="12"/>
  <c r="P17" i="12"/>
  <c r="O17" i="12"/>
  <c r="N17" i="12"/>
  <c r="M17" i="12"/>
  <c r="L17" i="12"/>
  <c r="K17" i="12"/>
  <c r="J17" i="12"/>
  <c r="I17" i="12"/>
  <c r="BA16" i="12"/>
  <c r="AS16" i="12"/>
  <c r="AK16" i="12"/>
  <c r="AC16" i="12"/>
  <c r="U16" i="12"/>
  <c r="M16" i="12"/>
  <c r="BH16" i="12"/>
  <c r="BH15" i="12"/>
  <c r="BG15" i="12"/>
  <c r="BF15" i="12"/>
  <c r="BE15" i="12"/>
  <c r="BD15" i="12"/>
  <c r="BC15" i="12"/>
  <c r="BB15" i="12"/>
  <c r="BA15" i="12"/>
  <c r="AZ15" i="12"/>
  <c r="AY15" i="12"/>
  <c r="AX15" i="12"/>
  <c r="AW15" i="12"/>
  <c r="AV15" i="12"/>
  <c r="AU15" i="12"/>
  <c r="AT15" i="12"/>
  <c r="AS15" i="12"/>
  <c r="AR15" i="12"/>
  <c r="AQ15" i="12"/>
  <c r="AP15" i="12"/>
  <c r="AO15" i="12"/>
  <c r="AN15" i="12"/>
  <c r="AM15" i="12"/>
  <c r="AL15" i="12"/>
  <c r="AK15" i="12"/>
  <c r="AJ15" i="12"/>
  <c r="AI15" i="12"/>
  <c r="AH15" i="12"/>
  <c r="AG15" i="12"/>
  <c r="AF15" i="12"/>
  <c r="AE15" i="12"/>
  <c r="AD15" i="12"/>
  <c r="AC15" i="12"/>
  <c r="AB15" i="12"/>
  <c r="AA15" i="12"/>
  <c r="Z15" i="12"/>
  <c r="Y15" i="12"/>
  <c r="X15" i="12"/>
  <c r="W15" i="12"/>
  <c r="V15" i="12"/>
  <c r="U15" i="12"/>
  <c r="T15" i="12"/>
  <c r="S15" i="12"/>
  <c r="R15" i="12"/>
  <c r="Q15" i="12"/>
  <c r="P15" i="12"/>
  <c r="O15" i="12"/>
  <c r="N15" i="12"/>
  <c r="M15" i="12"/>
  <c r="L15" i="12"/>
  <c r="K15" i="12"/>
  <c r="J15" i="12"/>
  <c r="I15" i="12"/>
  <c r="BG14" i="12"/>
  <c r="BE14" i="12"/>
  <c r="BC14" i="12"/>
  <c r="BB14" i="12"/>
  <c r="AY14" i="12"/>
  <c r="AW14" i="12"/>
  <c r="AU14" i="12"/>
  <c r="AT14" i="12"/>
  <c r="AQ14" i="12"/>
  <c r="AO14" i="12"/>
  <c r="AM14" i="12"/>
  <c r="AL14" i="12"/>
  <c r="AI14" i="12"/>
  <c r="AG14" i="12"/>
  <c r="AE14" i="12"/>
  <c r="AD14" i="12"/>
  <c r="AA14" i="12"/>
  <c r="Y14" i="12"/>
  <c r="W14" i="12"/>
  <c r="V14" i="12"/>
  <c r="S14" i="12"/>
  <c r="Q14" i="12"/>
  <c r="O14" i="12"/>
  <c r="N14" i="12"/>
  <c r="K14" i="12"/>
  <c r="I14" i="12"/>
  <c r="BA14" i="12"/>
  <c r="BH13" i="12"/>
  <c r="BB13" i="12"/>
  <c r="AZ13" i="12"/>
  <c r="AT13" i="12"/>
  <c r="AR13" i="12"/>
  <c r="AL13" i="12"/>
  <c r="AJ13" i="12"/>
  <c r="AD13" i="12"/>
  <c r="AB13" i="12"/>
  <c r="AA13" i="12"/>
  <c r="V13" i="12"/>
  <c r="T13" i="12"/>
  <c r="S13" i="12"/>
  <c r="N13" i="12"/>
  <c r="L13" i="12"/>
  <c r="K13" i="12"/>
  <c r="BG13" i="12"/>
  <c r="BH12" i="12"/>
  <c r="BG12" i="12"/>
  <c r="BF12" i="12"/>
  <c r="BE12" i="12"/>
  <c r="BD12" i="12"/>
  <c r="BC12" i="12"/>
  <c r="BB12" i="12"/>
  <c r="BA12" i="12"/>
  <c r="AZ12" i="12"/>
  <c r="AY12" i="12"/>
  <c r="AX12" i="12"/>
  <c r="AW12" i="12"/>
  <c r="AV12" i="12"/>
  <c r="AU12" i="12"/>
  <c r="AT12" i="12"/>
  <c r="AS12" i="12"/>
  <c r="AR12" i="12"/>
  <c r="AQ12" i="12"/>
  <c r="AP12" i="12"/>
  <c r="AO12" i="12"/>
  <c r="AN12" i="12"/>
  <c r="AM12" i="12"/>
  <c r="AL12" i="12"/>
  <c r="AK12" i="12"/>
  <c r="AJ12" i="12"/>
  <c r="AI12" i="12"/>
  <c r="AH12" i="12"/>
  <c r="AG12" i="12"/>
  <c r="AF12" i="12"/>
  <c r="AE12" i="12"/>
  <c r="AD12" i="12"/>
  <c r="AC12" i="12"/>
  <c r="AB12" i="12"/>
  <c r="AA12" i="12"/>
  <c r="Z12" i="12"/>
  <c r="Y12" i="12"/>
  <c r="X12" i="12"/>
  <c r="W12" i="12"/>
  <c r="V12" i="12"/>
  <c r="U12" i="12"/>
  <c r="T12" i="12"/>
  <c r="S12" i="12"/>
  <c r="R12" i="12"/>
  <c r="Q12" i="12"/>
  <c r="P12" i="12"/>
  <c r="O12" i="12"/>
  <c r="N12" i="12"/>
  <c r="M12" i="12"/>
  <c r="L12" i="12"/>
  <c r="K12" i="12"/>
  <c r="J12" i="12"/>
  <c r="I12" i="12"/>
  <c r="BH11" i="12"/>
  <c r="BG11" i="12"/>
  <c r="BF11" i="12"/>
  <c r="BE11" i="12"/>
  <c r="BD11" i="12"/>
  <c r="BC11" i="12"/>
  <c r="BB11" i="12"/>
  <c r="BA11" i="12"/>
  <c r="AZ11" i="12"/>
  <c r="AY11" i="12"/>
  <c r="AX11" i="12"/>
  <c r="AW11" i="12"/>
  <c r="AV11" i="12"/>
  <c r="AU11" i="12"/>
  <c r="AT11" i="12"/>
  <c r="AS11" i="12"/>
  <c r="AR11" i="12"/>
  <c r="AQ11" i="12"/>
  <c r="AP11" i="12"/>
  <c r="AO11" i="12"/>
  <c r="AN11" i="12"/>
  <c r="AM11" i="12"/>
  <c r="AL11" i="12"/>
  <c r="AK11" i="12"/>
  <c r="AJ11" i="12"/>
  <c r="AI11" i="12"/>
  <c r="AH11" i="12"/>
  <c r="AG11" i="12"/>
  <c r="AF11" i="12"/>
  <c r="AE11" i="12"/>
  <c r="AD11" i="12"/>
  <c r="AC11" i="12"/>
  <c r="AB11" i="12"/>
  <c r="AA11" i="12"/>
  <c r="Z11" i="12"/>
  <c r="Y11" i="12"/>
  <c r="X11" i="12"/>
  <c r="W11" i="12"/>
  <c r="V11" i="12"/>
  <c r="U11" i="12"/>
  <c r="T11" i="12"/>
  <c r="S11" i="12"/>
  <c r="R11" i="12"/>
  <c r="Q11" i="12"/>
  <c r="P11" i="12"/>
  <c r="O11" i="12"/>
  <c r="N11" i="12"/>
  <c r="M11" i="12"/>
  <c r="L11" i="12"/>
  <c r="K11" i="12"/>
  <c r="J11" i="12"/>
  <c r="I11" i="12"/>
  <c r="BH10" i="12"/>
  <c r="BG10" i="12"/>
  <c r="BF10" i="12"/>
  <c r="BE10" i="12"/>
  <c r="BD10" i="12"/>
  <c r="BC10" i="12"/>
  <c r="BB10" i="12"/>
  <c r="BA10" i="12"/>
  <c r="AZ10" i="12"/>
  <c r="AY10" i="12"/>
  <c r="AX10" i="12"/>
  <c r="AW10" i="12"/>
  <c r="AV10" i="12"/>
  <c r="AU10" i="12"/>
  <c r="AT10" i="12"/>
  <c r="AS10" i="12"/>
  <c r="AR10" i="12"/>
  <c r="AQ10" i="12"/>
  <c r="AP10" i="12"/>
  <c r="AO10" i="12"/>
  <c r="AN10" i="12"/>
  <c r="AM10" i="12"/>
  <c r="AL10" i="12"/>
  <c r="AK10" i="12"/>
  <c r="AJ10" i="12"/>
  <c r="AI10" i="12"/>
  <c r="AH10" i="12"/>
  <c r="AG10" i="12"/>
  <c r="AF10" i="12"/>
  <c r="AE10" i="12"/>
  <c r="AD10" i="12"/>
  <c r="AC10" i="12"/>
  <c r="AB10" i="12"/>
  <c r="AA10" i="12"/>
  <c r="Z10" i="12"/>
  <c r="Y10" i="12"/>
  <c r="X10" i="12"/>
  <c r="W10" i="12"/>
  <c r="V10" i="12"/>
  <c r="U10" i="12"/>
  <c r="T10" i="12"/>
  <c r="S10" i="12"/>
  <c r="R10" i="12"/>
  <c r="Q10" i="12"/>
  <c r="P10" i="12"/>
  <c r="O10" i="12"/>
  <c r="N10" i="12"/>
  <c r="M10" i="12"/>
  <c r="L10" i="12"/>
  <c r="K10" i="12"/>
  <c r="J10" i="12"/>
  <c r="I10" i="12"/>
  <c r="BH9" i="12"/>
  <c r="BG9" i="12"/>
  <c r="BF9" i="12"/>
  <c r="BE9" i="12"/>
  <c r="BD9" i="12"/>
  <c r="BC9" i="12"/>
  <c r="BB9" i="12"/>
  <c r="BA9" i="12"/>
  <c r="AZ9" i="12"/>
  <c r="AY9" i="12"/>
  <c r="AX9" i="12"/>
  <c r="AW9" i="12"/>
  <c r="AV9" i="12"/>
  <c r="AU9" i="12"/>
  <c r="AT9" i="12"/>
  <c r="AS9" i="12"/>
  <c r="AR9" i="12"/>
  <c r="AQ9" i="12"/>
  <c r="AP9" i="12"/>
  <c r="AO9" i="12"/>
  <c r="AN9" i="12"/>
  <c r="AM9" i="12"/>
  <c r="AL9" i="12"/>
  <c r="AK9" i="12"/>
  <c r="AJ9" i="12"/>
  <c r="AI9" i="12"/>
  <c r="AH9" i="12"/>
  <c r="AG9" i="12"/>
  <c r="AF9" i="12"/>
  <c r="AE9" i="12"/>
  <c r="AD9" i="12"/>
  <c r="AC9" i="12"/>
  <c r="AB9" i="12"/>
  <c r="AA9" i="12"/>
  <c r="Z9" i="12"/>
  <c r="Y9" i="12"/>
  <c r="X9" i="12"/>
  <c r="W9" i="12"/>
  <c r="V9" i="12"/>
  <c r="U9" i="12"/>
  <c r="T9" i="12"/>
  <c r="S9" i="12"/>
  <c r="R9" i="12"/>
  <c r="Q9" i="12"/>
  <c r="P9" i="12"/>
  <c r="O9" i="12"/>
  <c r="N9" i="12"/>
  <c r="M9" i="12"/>
  <c r="L9" i="12"/>
  <c r="K9" i="12"/>
  <c r="J9" i="12"/>
  <c r="I9" i="12"/>
  <c r="AJ18" i="12" s="1"/>
  <c r="BH8" i="12"/>
  <c r="BG8" i="12"/>
  <c r="BF8" i="12"/>
  <c r="BE8" i="12"/>
  <c r="BD8" i="12"/>
  <c r="BC8" i="12"/>
  <c r="BB8" i="12"/>
  <c r="BA8" i="12"/>
  <c r="AZ8" i="12"/>
  <c r="AY8" i="12"/>
  <c r="AX8" i="12"/>
  <c r="AW8" i="12"/>
  <c r="AV8" i="12"/>
  <c r="AU8" i="12"/>
  <c r="AT8" i="12"/>
  <c r="AS8" i="12"/>
  <c r="AR8" i="12"/>
  <c r="AQ8" i="12"/>
  <c r="AP8" i="12"/>
  <c r="AO8" i="12"/>
  <c r="AN8" i="12"/>
  <c r="AM8" i="12"/>
  <c r="AL8" i="12"/>
  <c r="AK8" i="12"/>
  <c r="AJ8" i="12"/>
  <c r="AI8" i="12"/>
  <c r="AH8" i="12"/>
  <c r="AG8" i="12"/>
  <c r="AF8" i="12"/>
  <c r="AE8" i="12"/>
  <c r="AD8" i="12"/>
  <c r="AC8" i="12"/>
  <c r="AB8" i="12"/>
  <c r="AA8" i="12"/>
  <c r="Z8" i="12"/>
  <c r="Y8" i="12"/>
  <c r="X8" i="12"/>
  <c r="W8" i="12"/>
  <c r="V8" i="12"/>
  <c r="U8" i="12"/>
  <c r="T8" i="12"/>
  <c r="S8" i="12"/>
  <c r="R8" i="12"/>
  <c r="Q8" i="12"/>
  <c r="P8" i="12"/>
  <c r="O8" i="12"/>
  <c r="N8" i="12"/>
  <c r="M8" i="12"/>
  <c r="L8" i="12"/>
  <c r="K8" i="12"/>
  <c r="J8" i="12"/>
  <c r="I8" i="12"/>
  <c r="BH7" i="12"/>
  <c r="BG7" i="12"/>
  <c r="BF7" i="12"/>
  <c r="BE7" i="12"/>
  <c r="BD7" i="12"/>
  <c r="BC7" i="12"/>
  <c r="BB7" i="12"/>
  <c r="BA7" i="12"/>
  <c r="AZ7" i="12"/>
  <c r="AY7" i="12"/>
  <c r="AX7" i="12"/>
  <c r="AW7" i="12"/>
  <c r="AV7" i="12"/>
  <c r="AU7" i="12"/>
  <c r="AT7" i="12"/>
  <c r="AS7" i="12"/>
  <c r="AR7" i="12"/>
  <c r="AQ7" i="12"/>
  <c r="AP7" i="12"/>
  <c r="AO7" i="12"/>
  <c r="AN7" i="12"/>
  <c r="AM7" i="12"/>
  <c r="AL7" i="12"/>
  <c r="AK7" i="12"/>
  <c r="AJ7" i="12"/>
  <c r="AI7" i="12"/>
  <c r="AH7" i="12"/>
  <c r="AG7" i="12"/>
  <c r="AF7" i="12"/>
  <c r="AE7" i="12"/>
  <c r="AD7" i="12"/>
  <c r="AC7" i="12"/>
  <c r="AB7" i="12"/>
  <c r="AA7" i="12"/>
  <c r="Z7" i="12"/>
  <c r="Y7" i="12"/>
  <c r="X7" i="12"/>
  <c r="W7" i="12"/>
  <c r="V7" i="12"/>
  <c r="U7" i="12"/>
  <c r="T7" i="12"/>
  <c r="S7" i="12"/>
  <c r="R7" i="12"/>
  <c r="Q7" i="12"/>
  <c r="P7" i="12"/>
  <c r="O7" i="12"/>
  <c r="N7" i="12"/>
  <c r="M7" i="12"/>
  <c r="L7" i="12"/>
  <c r="K7" i="12"/>
  <c r="J7" i="12"/>
  <c r="I7" i="12"/>
  <c r="BH6" i="12"/>
  <c r="BG6" i="12"/>
  <c r="BF6" i="12"/>
  <c r="BE6" i="12"/>
  <c r="BD6" i="12"/>
  <c r="BC6" i="12"/>
  <c r="BB6" i="12"/>
  <c r="BA6" i="12"/>
  <c r="AZ6" i="12"/>
  <c r="AY6" i="12"/>
  <c r="AX6" i="12"/>
  <c r="AW6" i="12"/>
  <c r="AV6" i="12"/>
  <c r="AU6" i="12"/>
  <c r="AT6" i="12"/>
  <c r="AS6" i="12"/>
  <c r="AR6" i="12"/>
  <c r="AQ6" i="12"/>
  <c r="AP6" i="12"/>
  <c r="AO6" i="12"/>
  <c r="AN6" i="12"/>
  <c r="AM6" i="12"/>
  <c r="AL6" i="12"/>
  <c r="AK6" i="12"/>
  <c r="AJ6" i="12"/>
  <c r="AI6" i="12"/>
  <c r="AH6" i="12"/>
  <c r="AG6" i="12"/>
  <c r="AF6" i="12"/>
  <c r="AE6" i="12"/>
  <c r="AD6" i="12"/>
  <c r="AC6" i="12"/>
  <c r="AB6" i="12"/>
  <c r="AA6" i="12"/>
  <c r="Z6" i="12"/>
  <c r="Y6" i="12"/>
  <c r="X6" i="12"/>
  <c r="W6" i="12"/>
  <c r="V6" i="12"/>
  <c r="U6" i="12"/>
  <c r="T6" i="12"/>
  <c r="S6" i="12"/>
  <c r="R6" i="12"/>
  <c r="Q6" i="12"/>
  <c r="P6" i="12"/>
  <c r="O6" i="12"/>
  <c r="N6" i="12"/>
  <c r="M6" i="12"/>
  <c r="L6" i="12"/>
  <c r="K6" i="12"/>
  <c r="J6" i="12"/>
  <c r="I6" i="12"/>
  <c r="BH5" i="12"/>
  <c r="BG5" i="12"/>
  <c r="BF5" i="12"/>
  <c r="BE5" i="12"/>
  <c r="BD5" i="12"/>
  <c r="BC5" i="12"/>
  <c r="BB5" i="12"/>
  <c r="BA5" i="12"/>
  <c r="AZ5" i="12"/>
  <c r="AY5" i="12"/>
  <c r="AX5" i="12"/>
  <c r="AW5" i="12"/>
  <c r="AV5" i="12"/>
  <c r="AU5" i="12"/>
  <c r="AT5" i="12"/>
  <c r="AS5" i="12"/>
  <c r="AR5" i="12"/>
  <c r="AQ5" i="12"/>
  <c r="AP5" i="12"/>
  <c r="AO5" i="12"/>
  <c r="AN5" i="12"/>
  <c r="AM5" i="12"/>
  <c r="AL5" i="12"/>
  <c r="AK5" i="12"/>
  <c r="AJ5" i="12"/>
  <c r="AI5" i="12"/>
  <c r="AH5" i="12"/>
  <c r="AG5" i="12"/>
  <c r="AF5" i="12"/>
  <c r="AE5" i="12"/>
  <c r="AD5" i="12"/>
  <c r="AC5" i="12"/>
  <c r="AB5" i="12"/>
  <c r="AA5" i="12"/>
  <c r="Z5" i="12"/>
  <c r="Y5" i="12"/>
  <c r="X5" i="12"/>
  <c r="W5" i="12"/>
  <c r="V5" i="12"/>
  <c r="U5" i="12"/>
  <c r="T5" i="12"/>
  <c r="S5" i="12"/>
  <c r="R5" i="12"/>
  <c r="Q5" i="12"/>
  <c r="P5" i="12"/>
  <c r="O5" i="12"/>
  <c r="N5" i="12"/>
  <c r="M5" i="12"/>
  <c r="L5" i="12"/>
  <c r="K5" i="12"/>
  <c r="J5" i="12"/>
  <c r="I5" i="12"/>
  <c r="BH4" i="12"/>
  <c r="BG4" i="12"/>
  <c r="BF4" i="12"/>
  <c r="BE4" i="12"/>
  <c r="BD4" i="12"/>
  <c r="BC4" i="12"/>
  <c r="BB4" i="12"/>
  <c r="BA4" i="12"/>
  <c r="AZ4" i="12"/>
  <c r="AY4" i="12"/>
  <c r="AX4" i="12"/>
  <c r="AW4" i="12"/>
  <c r="AV4" i="12"/>
  <c r="AU4" i="12"/>
  <c r="AT4" i="12"/>
  <c r="AS4" i="12"/>
  <c r="AR4" i="12"/>
  <c r="AQ4" i="12"/>
  <c r="AP4" i="12"/>
  <c r="AO4" i="12"/>
  <c r="AN4" i="12"/>
  <c r="AM4" i="12"/>
  <c r="AL4" i="12"/>
  <c r="AK4" i="12"/>
  <c r="AJ4" i="12"/>
  <c r="AI4" i="12"/>
  <c r="AH4" i="12"/>
  <c r="AG4" i="12"/>
  <c r="AF4" i="12"/>
  <c r="AE4" i="12"/>
  <c r="AD4" i="12"/>
  <c r="AC4" i="12"/>
  <c r="AB4" i="12"/>
  <c r="AA4" i="12"/>
  <c r="Z4" i="12"/>
  <c r="Y4" i="12"/>
  <c r="X4" i="12"/>
  <c r="W4" i="12"/>
  <c r="V4" i="12"/>
  <c r="U4" i="12"/>
  <c r="T4" i="12"/>
  <c r="S4" i="12"/>
  <c r="R4" i="12"/>
  <c r="Q4" i="12"/>
  <c r="P4" i="12"/>
  <c r="O4" i="12"/>
  <c r="N4" i="12"/>
  <c r="M4" i="12"/>
  <c r="L4" i="12"/>
  <c r="K4" i="12"/>
  <c r="J4" i="12"/>
  <c r="I4" i="12"/>
  <c r="F24" i="5"/>
  <c r="E16" i="5"/>
  <c r="N5" i="8"/>
  <c r="N6" i="8"/>
  <c r="N7" i="8"/>
  <c r="N8" i="8"/>
  <c r="N9" i="8"/>
  <c r="N10" i="8"/>
  <c r="N11" i="8"/>
  <c r="N12" i="8"/>
  <c r="N13" i="8"/>
  <c r="N4" i="8"/>
  <c r="J5" i="8"/>
  <c r="J6" i="8"/>
  <c r="J7" i="8"/>
  <c r="J8" i="8"/>
  <c r="J9" i="8"/>
  <c r="J10" i="8"/>
  <c r="J11" i="8"/>
  <c r="J12" i="8"/>
  <c r="J13" i="8"/>
  <c r="J4" i="8"/>
  <c r="V8" i="8"/>
  <c r="U8" i="8"/>
  <c r="T8" i="8"/>
  <c r="S8" i="8"/>
  <c r="R8" i="8"/>
  <c r="V7" i="8"/>
  <c r="U7" i="8"/>
  <c r="T7" i="8"/>
  <c r="S7" i="8"/>
  <c r="R7" i="8"/>
  <c r="V6" i="8"/>
  <c r="U6" i="8"/>
  <c r="T6" i="8"/>
  <c r="S6" i="8"/>
  <c r="R6" i="8"/>
  <c r="V5" i="8"/>
  <c r="U5" i="8"/>
  <c r="T5" i="8"/>
  <c r="S5" i="8"/>
  <c r="R5" i="8"/>
  <c r="V4" i="8"/>
  <c r="U4" i="8"/>
  <c r="T4" i="8"/>
  <c r="S4" i="8"/>
  <c r="R4" i="8"/>
  <c r="L18" i="12" l="1"/>
  <c r="T18" i="12"/>
  <c r="AB18" i="12"/>
  <c r="BB24" i="12"/>
  <c r="AT24" i="12"/>
  <c r="AL24" i="12"/>
  <c r="AD24" i="12"/>
  <c r="V24" i="12"/>
  <c r="N24" i="12"/>
  <c r="Q24" i="12"/>
  <c r="BC24" i="12"/>
  <c r="O24" i="12"/>
  <c r="BA24" i="12"/>
  <c r="AS24" i="12"/>
  <c r="AK24" i="12"/>
  <c r="AC24" i="12"/>
  <c r="U24" i="12"/>
  <c r="M24" i="12"/>
  <c r="AO24" i="12"/>
  <c r="AE24" i="12"/>
  <c r="BH24" i="12"/>
  <c r="AZ24" i="12"/>
  <c r="AR24" i="12"/>
  <c r="AJ24" i="12"/>
  <c r="AB24" i="12"/>
  <c r="T24" i="12"/>
  <c r="L24" i="12"/>
  <c r="BE24" i="12"/>
  <c r="I24" i="12"/>
  <c r="AU24" i="12"/>
  <c r="BG24" i="12"/>
  <c r="AY24" i="12"/>
  <c r="AQ24" i="12"/>
  <c r="AI24" i="12"/>
  <c r="AA24" i="12"/>
  <c r="S24" i="12"/>
  <c r="K24" i="12"/>
  <c r="AW24" i="12"/>
  <c r="Y24" i="12"/>
  <c r="BF24" i="12"/>
  <c r="AX24" i="12"/>
  <c r="AP24" i="12"/>
  <c r="AH24" i="12"/>
  <c r="Z24" i="12"/>
  <c r="R24" i="12"/>
  <c r="J24" i="12"/>
  <c r="AG24" i="12"/>
  <c r="W24" i="12"/>
  <c r="BD24" i="12"/>
  <c r="AV24" i="12"/>
  <c r="AN24" i="12"/>
  <c r="AF24" i="12"/>
  <c r="X24" i="12"/>
  <c r="P24" i="12"/>
  <c r="AM24" i="12"/>
  <c r="BG18" i="12"/>
  <c r="AY18" i="12"/>
  <c r="AQ18" i="12"/>
  <c r="AI18" i="12"/>
  <c r="AA18" i="12"/>
  <c r="S18" i="12"/>
  <c r="K18" i="12"/>
  <c r="BF18" i="12"/>
  <c r="AX18" i="12"/>
  <c r="AP18" i="12"/>
  <c r="AH18" i="12"/>
  <c r="Z18" i="12"/>
  <c r="R18" i="12"/>
  <c r="J18" i="12"/>
  <c r="V18" i="12"/>
  <c r="BE18" i="12"/>
  <c r="AW18" i="12"/>
  <c r="AO18" i="12"/>
  <c r="AG18" i="12"/>
  <c r="Y18" i="12"/>
  <c r="Q18" i="12"/>
  <c r="I18" i="12"/>
  <c r="AT18" i="12"/>
  <c r="BD18" i="12"/>
  <c r="AV18" i="12"/>
  <c r="AN18" i="12"/>
  <c r="AF18" i="12"/>
  <c r="X18" i="12"/>
  <c r="P18" i="12"/>
  <c r="BB18" i="12"/>
  <c r="AL18" i="12"/>
  <c r="N18" i="12"/>
  <c r="BC18" i="12"/>
  <c r="AU18" i="12"/>
  <c r="AM18" i="12"/>
  <c r="AE18" i="12"/>
  <c r="W18" i="12"/>
  <c r="O18" i="12"/>
  <c r="AD18" i="12"/>
  <c r="BA18" i="12"/>
  <c r="AS18" i="12"/>
  <c r="AK18" i="12"/>
  <c r="AC18" i="12"/>
  <c r="U18" i="12"/>
  <c r="M18" i="12"/>
  <c r="AR18" i="12"/>
  <c r="AZ18" i="12"/>
  <c r="AE27" i="12"/>
  <c r="O32" i="12"/>
  <c r="W32" i="12"/>
  <c r="AE32" i="12"/>
  <c r="AM32" i="12"/>
  <c r="AU32" i="12"/>
  <c r="BC32" i="12"/>
  <c r="M13" i="12"/>
  <c r="U13" i="12"/>
  <c r="AC13" i="12"/>
  <c r="AK13" i="12"/>
  <c r="AS13" i="12"/>
  <c r="BA13" i="12"/>
  <c r="P14" i="12"/>
  <c r="X14" i="12"/>
  <c r="AF14" i="12"/>
  <c r="AN14" i="12"/>
  <c r="AV14" i="12"/>
  <c r="BD14" i="12"/>
  <c r="N16" i="12"/>
  <c r="V16" i="12"/>
  <c r="AD16" i="12"/>
  <c r="AL16" i="12"/>
  <c r="AT16" i="12"/>
  <c r="BB16" i="12"/>
  <c r="N26" i="12"/>
  <c r="V26" i="12"/>
  <c r="AD26" i="12"/>
  <c r="AL26" i="12"/>
  <c r="AT26" i="12"/>
  <c r="BB26" i="12"/>
  <c r="P27" i="12"/>
  <c r="X27" i="12"/>
  <c r="AF27" i="12"/>
  <c r="AN27" i="12"/>
  <c r="AV27" i="12"/>
  <c r="BD27" i="12"/>
  <c r="N31" i="12"/>
  <c r="V31" i="12"/>
  <c r="AD31" i="12"/>
  <c r="AL31" i="12"/>
  <c r="AT31" i="12"/>
  <c r="BB31" i="12"/>
  <c r="P32" i="12"/>
  <c r="X32" i="12"/>
  <c r="AF32" i="12"/>
  <c r="AN32" i="12"/>
  <c r="AV32" i="12"/>
  <c r="BD32" i="12"/>
  <c r="AM27" i="12"/>
  <c r="AU16" i="12"/>
  <c r="O26" i="12"/>
  <c r="BC26" i="12"/>
  <c r="AE31" i="12"/>
  <c r="Y32" i="12"/>
  <c r="O13" i="12"/>
  <c r="W13" i="12"/>
  <c r="AE13" i="12"/>
  <c r="AM13" i="12"/>
  <c r="AU13" i="12"/>
  <c r="BC13" i="12"/>
  <c r="J14" i="12"/>
  <c r="R14" i="12"/>
  <c r="Z14" i="12"/>
  <c r="AH14" i="12"/>
  <c r="AP14" i="12"/>
  <c r="AX14" i="12"/>
  <c r="BF14" i="12"/>
  <c r="P16" i="12"/>
  <c r="X16" i="12"/>
  <c r="AF16" i="12"/>
  <c r="AN16" i="12"/>
  <c r="AV16" i="12"/>
  <c r="BD16" i="12"/>
  <c r="M20" i="12"/>
  <c r="U20" i="12"/>
  <c r="AC20" i="12"/>
  <c r="AK20" i="12"/>
  <c r="AS20" i="12"/>
  <c r="BA20" i="12"/>
  <c r="P23" i="12"/>
  <c r="X23" i="12"/>
  <c r="AF23" i="12"/>
  <c r="AN23" i="12"/>
  <c r="AV23" i="12"/>
  <c r="BD23" i="12"/>
  <c r="P26" i="12"/>
  <c r="X26" i="12"/>
  <c r="AF26" i="12"/>
  <c r="AN26" i="12"/>
  <c r="AV26" i="12"/>
  <c r="BD26" i="12"/>
  <c r="J27" i="12"/>
  <c r="R27" i="12"/>
  <c r="Z27" i="12"/>
  <c r="AH27" i="12"/>
  <c r="AP27" i="12"/>
  <c r="AX27" i="12"/>
  <c r="BF27" i="12"/>
  <c r="P31" i="12"/>
  <c r="X31" i="12"/>
  <c r="AF31" i="12"/>
  <c r="AN31" i="12"/>
  <c r="AV31" i="12"/>
  <c r="BD31" i="12"/>
  <c r="J32" i="12"/>
  <c r="R32" i="12"/>
  <c r="Z32" i="12"/>
  <c r="AH32" i="12"/>
  <c r="AP32" i="12"/>
  <c r="AX32" i="12"/>
  <c r="BF32" i="12"/>
  <c r="W27" i="12"/>
  <c r="BC27" i="12"/>
  <c r="W16" i="12"/>
  <c r="BC16" i="12"/>
  <c r="AM26" i="12"/>
  <c r="Q27" i="12"/>
  <c r="AW27" i="12"/>
  <c r="O31" i="12"/>
  <c r="AM31" i="12"/>
  <c r="Q32" i="12"/>
  <c r="AG32" i="12"/>
  <c r="BE32" i="12"/>
  <c r="P13" i="12"/>
  <c r="X13" i="12"/>
  <c r="AF13" i="12"/>
  <c r="AN13" i="12"/>
  <c r="AV13" i="12"/>
  <c r="BD13" i="12"/>
  <c r="I16" i="12"/>
  <c r="Q16" i="12"/>
  <c r="Y16" i="12"/>
  <c r="AG16" i="12"/>
  <c r="AO16" i="12"/>
  <c r="AW16" i="12"/>
  <c r="BE16" i="12"/>
  <c r="I26" i="12"/>
  <c r="Q26" i="12"/>
  <c r="Y26" i="12"/>
  <c r="AG26" i="12"/>
  <c r="AO26" i="12"/>
  <c r="AW26" i="12"/>
  <c r="BE26" i="12"/>
  <c r="K27" i="12"/>
  <c r="S27" i="12"/>
  <c r="AA27" i="12"/>
  <c r="AI27" i="12"/>
  <c r="AQ27" i="12"/>
  <c r="AY27" i="12"/>
  <c r="BG27" i="12"/>
  <c r="I31" i="12"/>
  <c r="Q31" i="12"/>
  <c r="Y31" i="12"/>
  <c r="AG31" i="12"/>
  <c r="AO31" i="12"/>
  <c r="AW31" i="12"/>
  <c r="BE31" i="12"/>
  <c r="K32" i="12"/>
  <c r="S32" i="12"/>
  <c r="AA32" i="12"/>
  <c r="AI32" i="12"/>
  <c r="AQ32" i="12"/>
  <c r="AY32" i="12"/>
  <c r="BG32" i="12"/>
  <c r="AU26" i="12"/>
  <c r="AG27" i="12"/>
  <c r="BE27" i="12"/>
  <c r="BC31" i="12"/>
  <c r="AO32" i="12"/>
  <c r="I13" i="12"/>
  <c r="Q13" i="12"/>
  <c r="Y13" i="12"/>
  <c r="AG13" i="12"/>
  <c r="AO13" i="12"/>
  <c r="AW13" i="12"/>
  <c r="BE13" i="12"/>
  <c r="L14" i="12"/>
  <c r="T14" i="12"/>
  <c r="AB14" i="12"/>
  <c r="AJ14" i="12"/>
  <c r="AR14" i="12"/>
  <c r="AZ14" i="12"/>
  <c r="BH14" i="12"/>
  <c r="J16" i="12"/>
  <c r="R16" i="12"/>
  <c r="Z16" i="12"/>
  <c r="AH16" i="12"/>
  <c r="AP16" i="12"/>
  <c r="AX16" i="12"/>
  <c r="BF16" i="12"/>
  <c r="O20" i="12"/>
  <c r="W20" i="12"/>
  <c r="AE20" i="12"/>
  <c r="AM20" i="12"/>
  <c r="AU20" i="12"/>
  <c r="BC20" i="12"/>
  <c r="J23" i="12"/>
  <c r="R23" i="12"/>
  <c r="Z23" i="12"/>
  <c r="AH23" i="12"/>
  <c r="AP23" i="12"/>
  <c r="AX23" i="12"/>
  <c r="BF23" i="12"/>
  <c r="J26" i="12"/>
  <c r="R26" i="12"/>
  <c r="Z26" i="12"/>
  <c r="AH26" i="12"/>
  <c r="AP26" i="12"/>
  <c r="AX26" i="12"/>
  <c r="BF26" i="12"/>
  <c r="L27" i="12"/>
  <c r="T27" i="12"/>
  <c r="AB27" i="12"/>
  <c r="AJ27" i="12"/>
  <c r="AR27" i="12"/>
  <c r="AZ27" i="12"/>
  <c r="BH27" i="12"/>
  <c r="J31" i="12"/>
  <c r="R31" i="12"/>
  <c r="Z31" i="12"/>
  <c r="AH31" i="12"/>
  <c r="AP31" i="12"/>
  <c r="AX31" i="12"/>
  <c r="BF31" i="12"/>
  <c r="L32" i="12"/>
  <c r="T32" i="12"/>
  <c r="AB32" i="12"/>
  <c r="AJ32" i="12"/>
  <c r="AR32" i="12"/>
  <c r="AZ32" i="12"/>
  <c r="BH32" i="12"/>
  <c r="O27" i="12"/>
  <c r="AU27" i="12"/>
  <c r="O16" i="12"/>
  <c r="AM16" i="12"/>
  <c r="W26" i="12"/>
  <c r="I27" i="12"/>
  <c r="W31" i="12"/>
  <c r="I32" i="12"/>
  <c r="AW32" i="12"/>
  <c r="J13" i="12"/>
  <c r="R13" i="12"/>
  <c r="Z13" i="12"/>
  <c r="AH13" i="12"/>
  <c r="AP13" i="12"/>
  <c r="AX13" i="12"/>
  <c r="BF13" i="12"/>
  <c r="M14" i="12"/>
  <c r="U14" i="12"/>
  <c r="AC14" i="12"/>
  <c r="AK14" i="12"/>
  <c r="AS14" i="12"/>
  <c r="K16" i="12"/>
  <c r="S16" i="12"/>
  <c r="AA16" i="12"/>
  <c r="AI16" i="12"/>
  <c r="AQ16" i="12"/>
  <c r="AY16" i="12"/>
  <c r="BG16" i="12"/>
  <c r="P20" i="12"/>
  <c r="X20" i="12"/>
  <c r="AF20" i="12"/>
  <c r="AN20" i="12"/>
  <c r="AV20" i="12"/>
  <c r="K23" i="12"/>
  <c r="S23" i="12"/>
  <c r="AA23" i="12"/>
  <c r="AI23" i="12"/>
  <c r="AQ23" i="12"/>
  <c r="AY23" i="12"/>
  <c r="K26" i="12"/>
  <c r="S26" i="12"/>
  <c r="AA26" i="12"/>
  <c r="AI26" i="12"/>
  <c r="AQ26" i="12"/>
  <c r="AY26" i="12"/>
  <c r="BG26" i="12"/>
  <c r="M27" i="12"/>
  <c r="U27" i="12"/>
  <c r="AC27" i="12"/>
  <c r="AK27" i="12"/>
  <c r="AS27" i="12"/>
  <c r="BA27" i="12"/>
  <c r="K31" i="12"/>
  <c r="S31" i="12"/>
  <c r="AA31" i="12"/>
  <c r="AI31" i="12"/>
  <c r="AQ31" i="12"/>
  <c r="AY31" i="12"/>
  <c r="BG31" i="12"/>
  <c r="M32" i="12"/>
  <c r="U32" i="12"/>
  <c r="AC32" i="12"/>
  <c r="AK32" i="12"/>
  <c r="AS32" i="12"/>
  <c r="BA32" i="12"/>
  <c r="AE16" i="12"/>
  <c r="AE26" i="12"/>
  <c r="Y27" i="12"/>
  <c r="AO27" i="12"/>
  <c r="AU31" i="12"/>
  <c r="AI13" i="12"/>
  <c r="AQ13" i="12"/>
  <c r="AY13" i="12"/>
  <c r="L16" i="12"/>
  <c r="T16" i="12"/>
  <c r="AB16" i="12"/>
  <c r="AJ16" i="12"/>
  <c r="AR16" i="12"/>
  <c r="AZ16" i="12"/>
  <c r="L26" i="12"/>
  <c r="T26" i="12"/>
  <c r="AB26" i="12"/>
  <c r="AJ26" i="12"/>
  <c r="AR26" i="12"/>
  <c r="AZ26" i="12"/>
  <c r="N27" i="12"/>
  <c r="V27" i="12"/>
  <c r="AD27" i="12"/>
  <c r="AL27" i="12"/>
  <c r="AT27" i="12"/>
  <c r="L31" i="12"/>
  <c r="T31" i="12"/>
  <c r="AB31" i="12"/>
  <c r="AJ31" i="12"/>
  <c r="AR31" i="12"/>
  <c r="AZ31" i="12"/>
  <c r="N32" i="12"/>
  <c r="V32" i="12"/>
  <c r="AD32" i="12"/>
  <c r="AL32" i="12"/>
  <c r="AT32" i="12"/>
  <c r="C13" i="4"/>
  <c r="J29" i="5"/>
  <c r="K29" i="5"/>
  <c r="L29" i="5"/>
  <c r="M29" i="5"/>
  <c r="N29" i="5"/>
  <c r="O29" i="5"/>
  <c r="P29" i="5"/>
  <c r="Q29" i="5"/>
  <c r="R29" i="5"/>
  <c r="S29" i="5"/>
  <c r="T29" i="5"/>
  <c r="U29" i="5"/>
  <c r="V29" i="5"/>
  <c r="W29" i="5"/>
  <c r="X29" i="5"/>
  <c r="Y29" i="5"/>
  <c r="Z29" i="5"/>
  <c r="AA29" i="5"/>
  <c r="AB29" i="5"/>
  <c r="AC29" i="5"/>
  <c r="AD29" i="5"/>
  <c r="AE29" i="5"/>
  <c r="AF29" i="5"/>
  <c r="AG29" i="5"/>
  <c r="AH29" i="5"/>
  <c r="AI29" i="5"/>
  <c r="AJ29" i="5"/>
  <c r="AK29" i="5"/>
  <c r="AL29" i="5"/>
  <c r="AM29" i="5"/>
  <c r="AN29" i="5"/>
  <c r="AO29" i="5"/>
  <c r="AP29" i="5"/>
  <c r="AQ29" i="5"/>
  <c r="AR29" i="5"/>
  <c r="AS29" i="5"/>
  <c r="AT29" i="5"/>
  <c r="AU29" i="5"/>
  <c r="AV29" i="5"/>
  <c r="AW29" i="5"/>
  <c r="AX29" i="5"/>
  <c r="AY29" i="5"/>
  <c r="AZ29" i="5"/>
  <c r="BA29" i="5"/>
  <c r="BB29" i="5"/>
  <c r="BC29" i="5"/>
  <c r="BD29" i="5"/>
  <c r="BE29" i="5"/>
  <c r="BF29" i="5"/>
  <c r="BG29" i="5"/>
  <c r="BH29" i="5"/>
  <c r="I29" i="5"/>
  <c r="J4" i="5"/>
  <c r="K4" i="5"/>
  <c r="L4" i="5"/>
  <c r="M4" i="5"/>
  <c r="N4" i="5"/>
  <c r="O4" i="5"/>
  <c r="P4" i="5"/>
  <c r="Q4" i="5"/>
  <c r="R4" i="5"/>
  <c r="S4" i="5"/>
  <c r="T4" i="5"/>
  <c r="U4" i="5"/>
  <c r="V4" i="5"/>
  <c r="W4" i="5"/>
  <c r="X4" i="5"/>
  <c r="Y4" i="5"/>
  <c r="Z4" i="5"/>
  <c r="AA4" i="5"/>
  <c r="AB4" i="5"/>
  <c r="AC4" i="5"/>
  <c r="AD4" i="5"/>
  <c r="AE4" i="5"/>
  <c r="AF4" i="5"/>
  <c r="AG4" i="5"/>
  <c r="AH4" i="5"/>
  <c r="AI4" i="5"/>
  <c r="AJ4" i="5"/>
  <c r="AK4" i="5"/>
  <c r="AL4" i="5"/>
  <c r="AM4" i="5"/>
  <c r="AN4" i="5"/>
  <c r="AO4" i="5"/>
  <c r="AP4" i="5"/>
  <c r="AQ4" i="5"/>
  <c r="AR4" i="5"/>
  <c r="AS4" i="5"/>
  <c r="AT4" i="5"/>
  <c r="AU4" i="5"/>
  <c r="AV4" i="5"/>
  <c r="AW4" i="5"/>
  <c r="AX4" i="5"/>
  <c r="AY4" i="5"/>
  <c r="AZ4" i="5"/>
  <c r="BA4" i="5"/>
  <c r="BB4" i="5"/>
  <c r="BC4" i="5"/>
  <c r="BD4" i="5"/>
  <c r="BE4" i="5"/>
  <c r="BF4" i="5"/>
  <c r="BG4" i="5"/>
  <c r="BH4" i="5"/>
  <c r="I5" i="5"/>
  <c r="J5" i="5"/>
  <c r="K5" i="5"/>
  <c r="L5" i="5"/>
  <c r="M5" i="5"/>
  <c r="N5" i="5"/>
  <c r="O5" i="5"/>
  <c r="P5" i="5"/>
  <c r="Q5" i="5"/>
  <c r="R5" i="5"/>
  <c r="S5" i="5"/>
  <c r="T5" i="5"/>
  <c r="U5" i="5"/>
  <c r="V5" i="5"/>
  <c r="W5" i="5"/>
  <c r="X5" i="5"/>
  <c r="Y5" i="5"/>
  <c r="Z5" i="5"/>
  <c r="AA5" i="5"/>
  <c r="AB5" i="5"/>
  <c r="AC5" i="5"/>
  <c r="AD5" i="5"/>
  <c r="AE5" i="5"/>
  <c r="AF5" i="5"/>
  <c r="AG5" i="5"/>
  <c r="AH5" i="5"/>
  <c r="AI5" i="5"/>
  <c r="AJ5" i="5"/>
  <c r="AK5" i="5"/>
  <c r="AL5" i="5"/>
  <c r="AM5" i="5"/>
  <c r="AN5" i="5"/>
  <c r="AO5" i="5"/>
  <c r="AP5" i="5"/>
  <c r="AQ5" i="5"/>
  <c r="AR5" i="5"/>
  <c r="AS5" i="5"/>
  <c r="AT5" i="5"/>
  <c r="AU5" i="5"/>
  <c r="AV5" i="5"/>
  <c r="AW5" i="5"/>
  <c r="AX5" i="5"/>
  <c r="AY5" i="5"/>
  <c r="AZ5" i="5"/>
  <c r="BA5" i="5"/>
  <c r="BB5" i="5"/>
  <c r="BC5" i="5"/>
  <c r="BD5" i="5"/>
  <c r="BE5" i="5"/>
  <c r="BF5" i="5"/>
  <c r="BG5" i="5"/>
  <c r="BH5" i="5"/>
  <c r="I6" i="5"/>
  <c r="J6" i="5"/>
  <c r="K6" i="5"/>
  <c r="L6" i="5"/>
  <c r="M6" i="5"/>
  <c r="N6" i="5"/>
  <c r="O6" i="5"/>
  <c r="P6" i="5"/>
  <c r="Q6" i="5"/>
  <c r="R6" i="5"/>
  <c r="S6" i="5"/>
  <c r="T6" i="5"/>
  <c r="U6" i="5"/>
  <c r="V6" i="5"/>
  <c r="W6" i="5"/>
  <c r="X6" i="5"/>
  <c r="Y6" i="5"/>
  <c r="Z6" i="5"/>
  <c r="AA6" i="5"/>
  <c r="AB6" i="5"/>
  <c r="AC6" i="5"/>
  <c r="AD6" i="5"/>
  <c r="AE6" i="5"/>
  <c r="AF6" i="5"/>
  <c r="AG6" i="5"/>
  <c r="AH6" i="5"/>
  <c r="AI6" i="5"/>
  <c r="AJ6" i="5"/>
  <c r="AK6" i="5"/>
  <c r="AL6" i="5"/>
  <c r="AM6" i="5"/>
  <c r="AN6" i="5"/>
  <c r="AO6" i="5"/>
  <c r="AP6" i="5"/>
  <c r="AQ6" i="5"/>
  <c r="AR6" i="5"/>
  <c r="AS6" i="5"/>
  <c r="AT6" i="5"/>
  <c r="AU6" i="5"/>
  <c r="AV6" i="5"/>
  <c r="AW6" i="5"/>
  <c r="AX6" i="5"/>
  <c r="AY6" i="5"/>
  <c r="AZ6" i="5"/>
  <c r="BA6" i="5"/>
  <c r="BB6" i="5"/>
  <c r="BC6" i="5"/>
  <c r="BD6" i="5"/>
  <c r="BE6" i="5"/>
  <c r="BF6" i="5"/>
  <c r="BG6" i="5"/>
  <c r="BH6" i="5"/>
  <c r="I7" i="5"/>
  <c r="J7" i="5"/>
  <c r="K7" i="5"/>
  <c r="L7" i="5"/>
  <c r="M7" i="5"/>
  <c r="N7" i="5"/>
  <c r="O7" i="5"/>
  <c r="P7" i="5"/>
  <c r="Q7" i="5"/>
  <c r="R7" i="5"/>
  <c r="S7" i="5"/>
  <c r="T7" i="5"/>
  <c r="U7" i="5"/>
  <c r="V7" i="5"/>
  <c r="W7" i="5"/>
  <c r="X7" i="5"/>
  <c r="Y7" i="5"/>
  <c r="Z7" i="5"/>
  <c r="AA7" i="5"/>
  <c r="AB7" i="5"/>
  <c r="AC7" i="5"/>
  <c r="AD7" i="5"/>
  <c r="AE7" i="5"/>
  <c r="AF7" i="5"/>
  <c r="AG7" i="5"/>
  <c r="AH7" i="5"/>
  <c r="AI7" i="5"/>
  <c r="AJ7" i="5"/>
  <c r="AK7" i="5"/>
  <c r="AL7" i="5"/>
  <c r="AM7" i="5"/>
  <c r="AN7" i="5"/>
  <c r="AO7" i="5"/>
  <c r="AP7" i="5"/>
  <c r="AQ7" i="5"/>
  <c r="AR7" i="5"/>
  <c r="AS7" i="5"/>
  <c r="AT7" i="5"/>
  <c r="AU7" i="5"/>
  <c r="AV7" i="5"/>
  <c r="AW7" i="5"/>
  <c r="AX7" i="5"/>
  <c r="AY7" i="5"/>
  <c r="AZ7" i="5"/>
  <c r="BA7" i="5"/>
  <c r="BB7" i="5"/>
  <c r="BC7" i="5"/>
  <c r="BD7" i="5"/>
  <c r="BE7" i="5"/>
  <c r="BF7" i="5"/>
  <c r="BG7" i="5"/>
  <c r="BH7" i="5"/>
  <c r="I8" i="5"/>
  <c r="J8" i="5"/>
  <c r="K8" i="5"/>
  <c r="L8" i="5"/>
  <c r="M8" i="5"/>
  <c r="N8" i="5"/>
  <c r="O8" i="5"/>
  <c r="P8" i="5"/>
  <c r="Q8" i="5"/>
  <c r="R8" i="5"/>
  <c r="S8" i="5"/>
  <c r="T8" i="5"/>
  <c r="U8" i="5"/>
  <c r="V8" i="5"/>
  <c r="W8" i="5"/>
  <c r="X8" i="5"/>
  <c r="Y8" i="5"/>
  <c r="Z8" i="5"/>
  <c r="AA8" i="5"/>
  <c r="AB8" i="5"/>
  <c r="AC8" i="5"/>
  <c r="AD8" i="5"/>
  <c r="AE8" i="5"/>
  <c r="AF8" i="5"/>
  <c r="AG8" i="5"/>
  <c r="AH8" i="5"/>
  <c r="AI8" i="5"/>
  <c r="AJ8" i="5"/>
  <c r="AK8" i="5"/>
  <c r="AL8" i="5"/>
  <c r="AM8" i="5"/>
  <c r="AN8" i="5"/>
  <c r="AO8" i="5"/>
  <c r="AP8" i="5"/>
  <c r="AQ8" i="5"/>
  <c r="AR8" i="5"/>
  <c r="AS8" i="5"/>
  <c r="AT8" i="5"/>
  <c r="AU8" i="5"/>
  <c r="AV8" i="5"/>
  <c r="AW8" i="5"/>
  <c r="AX8" i="5"/>
  <c r="AY8" i="5"/>
  <c r="AZ8" i="5"/>
  <c r="BA8" i="5"/>
  <c r="BB8" i="5"/>
  <c r="BC8" i="5"/>
  <c r="BD8" i="5"/>
  <c r="BE8" i="5"/>
  <c r="BF8" i="5"/>
  <c r="BG8" i="5"/>
  <c r="BH8" i="5"/>
  <c r="I9" i="5"/>
  <c r="E18" i="5" s="1"/>
  <c r="J9" i="5"/>
  <c r="K9" i="5"/>
  <c r="L9" i="5"/>
  <c r="M9" i="5"/>
  <c r="N9" i="5"/>
  <c r="O9" i="5"/>
  <c r="P9" i="5"/>
  <c r="Q9" i="5"/>
  <c r="R9" i="5"/>
  <c r="S9" i="5"/>
  <c r="T9" i="5"/>
  <c r="U9" i="5"/>
  <c r="V9" i="5"/>
  <c r="W9" i="5"/>
  <c r="X9" i="5"/>
  <c r="Y9" i="5"/>
  <c r="Z9" i="5"/>
  <c r="AA9" i="5"/>
  <c r="AB9" i="5"/>
  <c r="AC9" i="5"/>
  <c r="AD9" i="5"/>
  <c r="AE9" i="5"/>
  <c r="AF9" i="5"/>
  <c r="AG9" i="5"/>
  <c r="AH9" i="5"/>
  <c r="AI9" i="5"/>
  <c r="AJ9" i="5"/>
  <c r="AK9" i="5"/>
  <c r="AL9" i="5"/>
  <c r="AM9" i="5"/>
  <c r="AN9" i="5"/>
  <c r="AO9" i="5"/>
  <c r="AP9" i="5"/>
  <c r="AQ9" i="5"/>
  <c r="AR9" i="5"/>
  <c r="AS9" i="5"/>
  <c r="AT9" i="5"/>
  <c r="AU9" i="5"/>
  <c r="AV9" i="5"/>
  <c r="AW9" i="5"/>
  <c r="AX9" i="5"/>
  <c r="AY9" i="5"/>
  <c r="AZ9" i="5"/>
  <c r="BA9" i="5"/>
  <c r="BB9" i="5"/>
  <c r="BC9" i="5"/>
  <c r="BD9" i="5"/>
  <c r="BE9" i="5"/>
  <c r="BF9" i="5"/>
  <c r="BG9" i="5"/>
  <c r="BH9" i="5"/>
  <c r="I10" i="5"/>
  <c r="J10" i="5"/>
  <c r="K10" i="5"/>
  <c r="L10" i="5"/>
  <c r="M10" i="5"/>
  <c r="N10" i="5"/>
  <c r="O10" i="5"/>
  <c r="P10" i="5"/>
  <c r="Q10" i="5"/>
  <c r="R10" i="5"/>
  <c r="S10" i="5"/>
  <c r="T10" i="5"/>
  <c r="U10" i="5"/>
  <c r="V10" i="5"/>
  <c r="W10" i="5"/>
  <c r="X10" i="5"/>
  <c r="Y10" i="5"/>
  <c r="Z10" i="5"/>
  <c r="AA10" i="5"/>
  <c r="AB10" i="5"/>
  <c r="AC10" i="5"/>
  <c r="AD10" i="5"/>
  <c r="AE10" i="5"/>
  <c r="AF10" i="5"/>
  <c r="AG10" i="5"/>
  <c r="AH10" i="5"/>
  <c r="AI10" i="5"/>
  <c r="AJ10" i="5"/>
  <c r="AK10" i="5"/>
  <c r="AL10" i="5"/>
  <c r="AM10" i="5"/>
  <c r="AN10" i="5"/>
  <c r="AO10" i="5"/>
  <c r="AP10" i="5"/>
  <c r="AQ10" i="5"/>
  <c r="AR10" i="5"/>
  <c r="AS10" i="5"/>
  <c r="AT10" i="5"/>
  <c r="AU10" i="5"/>
  <c r="AV10" i="5"/>
  <c r="AW10" i="5"/>
  <c r="AX10" i="5"/>
  <c r="AY10" i="5"/>
  <c r="AZ10" i="5"/>
  <c r="BA10" i="5"/>
  <c r="BB10" i="5"/>
  <c r="BC10" i="5"/>
  <c r="BD10" i="5"/>
  <c r="BE10" i="5"/>
  <c r="BF10" i="5"/>
  <c r="BG10" i="5"/>
  <c r="BH10" i="5"/>
  <c r="I11" i="5"/>
  <c r="J11" i="5"/>
  <c r="K11" i="5"/>
  <c r="L11" i="5"/>
  <c r="M11" i="5"/>
  <c r="N11" i="5"/>
  <c r="O11" i="5"/>
  <c r="P11" i="5"/>
  <c r="Q11" i="5"/>
  <c r="R11" i="5"/>
  <c r="S11" i="5"/>
  <c r="T11" i="5"/>
  <c r="U11" i="5"/>
  <c r="V11" i="5"/>
  <c r="W11" i="5"/>
  <c r="X11" i="5"/>
  <c r="Y11" i="5"/>
  <c r="Z11" i="5"/>
  <c r="AA11" i="5"/>
  <c r="AB11" i="5"/>
  <c r="AC11" i="5"/>
  <c r="AD11" i="5"/>
  <c r="AE11" i="5"/>
  <c r="AF11" i="5"/>
  <c r="AG11" i="5"/>
  <c r="AH11" i="5"/>
  <c r="AI11" i="5"/>
  <c r="AJ11" i="5"/>
  <c r="AK11" i="5"/>
  <c r="AL11" i="5"/>
  <c r="AM11" i="5"/>
  <c r="AN11" i="5"/>
  <c r="AO11" i="5"/>
  <c r="AP11" i="5"/>
  <c r="AQ11" i="5"/>
  <c r="AR11" i="5"/>
  <c r="AS11" i="5"/>
  <c r="AT11" i="5"/>
  <c r="AU11" i="5"/>
  <c r="AV11" i="5"/>
  <c r="AW11" i="5"/>
  <c r="AX11" i="5"/>
  <c r="AY11" i="5"/>
  <c r="AZ11" i="5"/>
  <c r="BA11" i="5"/>
  <c r="BB11" i="5"/>
  <c r="BC11" i="5"/>
  <c r="BD11" i="5"/>
  <c r="BE11" i="5"/>
  <c r="BF11" i="5"/>
  <c r="BG11" i="5"/>
  <c r="BH11" i="5"/>
  <c r="I12" i="5"/>
  <c r="J12" i="5"/>
  <c r="K12" i="5"/>
  <c r="L12" i="5"/>
  <c r="M12" i="5"/>
  <c r="N12" i="5"/>
  <c r="O12" i="5"/>
  <c r="P12" i="5"/>
  <c r="Q12" i="5"/>
  <c r="R12" i="5"/>
  <c r="S12" i="5"/>
  <c r="T12" i="5"/>
  <c r="U12" i="5"/>
  <c r="V12" i="5"/>
  <c r="W12" i="5"/>
  <c r="X12" i="5"/>
  <c r="Y12" i="5"/>
  <c r="Z12" i="5"/>
  <c r="AA12" i="5"/>
  <c r="AB12" i="5"/>
  <c r="AC12" i="5"/>
  <c r="AD12" i="5"/>
  <c r="AE12" i="5"/>
  <c r="AF12" i="5"/>
  <c r="AG12" i="5"/>
  <c r="AH12" i="5"/>
  <c r="AI12" i="5"/>
  <c r="AJ12" i="5"/>
  <c r="AK12" i="5"/>
  <c r="AL12" i="5"/>
  <c r="AM12" i="5"/>
  <c r="AN12" i="5"/>
  <c r="AO12" i="5"/>
  <c r="AP12" i="5"/>
  <c r="AQ12" i="5"/>
  <c r="AR12" i="5"/>
  <c r="AS12" i="5"/>
  <c r="AT12" i="5"/>
  <c r="AU12" i="5"/>
  <c r="AV12" i="5"/>
  <c r="AW12" i="5"/>
  <c r="AX12" i="5"/>
  <c r="AY12" i="5"/>
  <c r="AZ12" i="5"/>
  <c r="BA12" i="5"/>
  <c r="BB12" i="5"/>
  <c r="BC12" i="5"/>
  <c r="BD12" i="5"/>
  <c r="BE12" i="5"/>
  <c r="BF12" i="5"/>
  <c r="BG12" i="5"/>
  <c r="BH12" i="5"/>
  <c r="I15" i="5"/>
  <c r="J15" i="5"/>
  <c r="K15" i="5"/>
  <c r="L15" i="5"/>
  <c r="M15" i="5"/>
  <c r="N15" i="5"/>
  <c r="O15" i="5"/>
  <c r="P15" i="5"/>
  <c r="Q15" i="5"/>
  <c r="R15" i="5"/>
  <c r="S15" i="5"/>
  <c r="T15" i="5"/>
  <c r="U15" i="5"/>
  <c r="V15" i="5"/>
  <c r="W15" i="5"/>
  <c r="X15" i="5"/>
  <c r="Y15" i="5"/>
  <c r="Z15" i="5"/>
  <c r="AA15" i="5"/>
  <c r="AB15" i="5"/>
  <c r="AC15" i="5"/>
  <c r="AD15" i="5"/>
  <c r="AE15" i="5"/>
  <c r="AF15" i="5"/>
  <c r="AG15" i="5"/>
  <c r="AH15" i="5"/>
  <c r="AI15" i="5"/>
  <c r="AJ15" i="5"/>
  <c r="AK15" i="5"/>
  <c r="AL15" i="5"/>
  <c r="AM15" i="5"/>
  <c r="AN15" i="5"/>
  <c r="AO15" i="5"/>
  <c r="AP15" i="5"/>
  <c r="AQ15" i="5"/>
  <c r="AR15" i="5"/>
  <c r="AS15" i="5"/>
  <c r="AT15" i="5"/>
  <c r="AU15" i="5"/>
  <c r="AV15" i="5"/>
  <c r="AW15" i="5"/>
  <c r="AX15" i="5"/>
  <c r="AY15" i="5"/>
  <c r="AZ15" i="5"/>
  <c r="BA15" i="5"/>
  <c r="BB15" i="5"/>
  <c r="BC15" i="5"/>
  <c r="BD15" i="5"/>
  <c r="BE15" i="5"/>
  <c r="BF15" i="5"/>
  <c r="BG15" i="5"/>
  <c r="BH15" i="5"/>
  <c r="I17" i="5"/>
  <c r="J17" i="5"/>
  <c r="K17" i="5"/>
  <c r="L17" i="5"/>
  <c r="M17" i="5"/>
  <c r="N17" i="5"/>
  <c r="O17" i="5"/>
  <c r="P17" i="5"/>
  <c r="Q17" i="5"/>
  <c r="R17" i="5"/>
  <c r="S17" i="5"/>
  <c r="T17" i="5"/>
  <c r="U17" i="5"/>
  <c r="V17" i="5"/>
  <c r="W17" i="5"/>
  <c r="X17" i="5"/>
  <c r="Y17" i="5"/>
  <c r="Z17" i="5"/>
  <c r="AA17" i="5"/>
  <c r="AB17" i="5"/>
  <c r="AC17" i="5"/>
  <c r="AD17" i="5"/>
  <c r="AE17" i="5"/>
  <c r="AF17" i="5"/>
  <c r="AG17" i="5"/>
  <c r="AH17" i="5"/>
  <c r="AI17" i="5"/>
  <c r="AJ17" i="5"/>
  <c r="AK17" i="5"/>
  <c r="AL17" i="5"/>
  <c r="AM17" i="5"/>
  <c r="AN17" i="5"/>
  <c r="AO17" i="5"/>
  <c r="AP17" i="5"/>
  <c r="AQ17" i="5"/>
  <c r="AR17" i="5"/>
  <c r="AS17" i="5"/>
  <c r="AT17" i="5"/>
  <c r="AU17" i="5"/>
  <c r="AV17" i="5"/>
  <c r="AW17" i="5"/>
  <c r="AX17" i="5"/>
  <c r="AY17" i="5"/>
  <c r="AZ17" i="5"/>
  <c r="BA17" i="5"/>
  <c r="BB17" i="5"/>
  <c r="BC17" i="5"/>
  <c r="BD17" i="5"/>
  <c r="BE17" i="5"/>
  <c r="BF17" i="5"/>
  <c r="BG17" i="5"/>
  <c r="BH17" i="5"/>
  <c r="I19" i="5"/>
  <c r="J19" i="5"/>
  <c r="K19" i="5"/>
  <c r="L19" i="5"/>
  <c r="M19" i="5"/>
  <c r="N19" i="5"/>
  <c r="O19" i="5"/>
  <c r="P19" i="5"/>
  <c r="Q19" i="5"/>
  <c r="R19" i="5"/>
  <c r="S19" i="5"/>
  <c r="T19" i="5"/>
  <c r="U19" i="5"/>
  <c r="V19" i="5"/>
  <c r="W19" i="5"/>
  <c r="X19" i="5"/>
  <c r="Y19" i="5"/>
  <c r="Z19" i="5"/>
  <c r="AA19" i="5"/>
  <c r="AB19" i="5"/>
  <c r="AC19" i="5"/>
  <c r="AD19" i="5"/>
  <c r="AE19" i="5"/>
  <c r="AF19" i="5"/>
  <c r="AG19" i="5"/>
  <c r="AH19" i="5"/>
  <c r="AI19" i="5"/>
  <c r="AJ19" i="5"/>
  <c r="AK19" i="5"/>
  <c r="AL19" i="5"/>
  <c r="AM19" i="5"/>
  <c r="AN19" i="5"/>
  <c r="AO19" i="5"/>
  <c r="AP19" i="5"/>
  <c r="AQ19" i="5"/>
  <c r="AR19" i="5"/>
  <c r="AS19" i="5"/>
  <c r="AT19" i="5"/>
  <c r="AU19" i="5"/>
  <c r="AV19" i="5"/>
  <c r="AW19" i="5"/>
  <c r="AX19" i="5"/>
  <c r="AY19" i="5"/>
  <c r="AZ19" i="5"/>
  <c r="BA19" i="5"/>
  <c r="BB19" i="5"/>
  <c r="BC19" i="5"/>
  <c r="BD19" i="5"/>
  <c r="BE19" i="5"/>
  <c r="BF19" i="5"/>
  <c r="BG19" i="5"/>
  <c r="BH19" i="5"/>
  <c r="I21" i="5"/>
  <c r="J21" i="5"/>
  <c r="K21" i="5"/>
  <c r="L21" i="5"/>
  <c r="M21" i="5"/>
  <c r="N21" i="5"/>
  <c r="O21" i="5"/>
  <c r="P21" i="5"/>
  <c r="Q21" i="5"/>
  <c r="R21" i="5"/>
  <c r="S21" i="5"/>
  <c r="T21" i="5"/>
  <c r="U21" i="5"/>
  <c r="V21" i="5"/>
  <c r="W21" i="5"/>
  <c r="X21" i="5"/>
  <c r="Y21" i="5"/>
  <c r="Z21" i="5"/>
  <c r="AA21" i="5"/>
  <c r="AB21" i="5"/>
  <c r="AC21" i="5"/>
  <c r="AD21" i="5"/>
  <c r="AE21" i="5"/>
  <c r="AF21" i="5"/>
  <c r="AG21" i="5"/>
  <c r="AH21" i="5"/>
  <c r="AI21" i="5"/>
  <c r="AJ21" i="5"/>
  <c r="AK21" i="5"/>
  <c r="AL21" i="5"/>
  <c r="AM21" i="5"/>
  <c r="AN21" i="5"/>
  <c r="AO21" i="5"/>
  <c r="AP21" i="5"/>
  <c r="AQ21" i="5"/>
  <c r="AR21" i="5"/>
  <c r="AS21" i="5"/>
  <c r="AT21" i="5"/>
  <c r="AU21" i="5"/>
  <c r="AV21" i="5"/>
  <c r="AW21" i="5"/>
  <c r="AX21" i="5"/>
  <c r="AY21" i="5"/>
  <c r="AZ21" i="5"/>
  <c r="BA21" i="5"/>
  <c r="BB21" i="5"/>
  <c r="BC21" i="5"/>
  <c r="BD21" i="5"/>
  <c r="BE21" i="5"/>
  <c r="BF21" i="5"/>
  <c r="BG21" i="5"/>
  <c r="BH21" i="5"/>
  <c r="I22" i="5"/>
  <c r="J22" i="5"/>
  <c r="K22" i="5"/>
  <c r="L22" i="5"/>
  <c r="M22" i="5"/>
  <c r="N22" i="5"/>
  <c r="O22" i="5"/>
  <c r="P22" i="5"/>
  <c r="Q22" i="5"/>
  <c r="R22" i="5"/>
  <c r="S22" i="5"/>
  <c r="T22" i="5"/>
  <c r="U22" i="5"/>
  <c r="V22" i="5"/>
  <c r="W22" i="5"/>
  <c r="X22" i="5"/>
  <c r="Y22" i="5"/>
  <c r="Z22" i="5"/>
  <c r="AA22" i="5"/>
  <c r="AB22" i="5"/>
  <c r="AC22" i="5"/>
  <c r="AD22" i="5"/>
  <c r="AE22" i="5"/>
  <c r="AF22" i="5"/>
  <c r="AG22" i="5"/>
  <c r="AH22" i="5"/>
  <c r="AI22" i="5"/>
  <c r="AJ22" i="5"/>
  <c r="AK22" i="5"/>
  <c r="AL22" i="5"/>
  <c r="AM22" i="5"/>
  <c r="AN22" i="5"/>
  <c r="AO22" i="5"/>
  <c r="AP22" i="5"/>
  <c r="AQ22" i="5"/>
  <c r="AR22" i="5"/>
  <c r="AS22" i="5"/>
  <c r="AT22" i="5"/>
  <c r="AU22" i="5"/>
  <c r="AV22" i="5"/>
  <c r="AW22" i="5"/>
  <c r="AX22" i="5"/>
  <c r="AY22" i="5"/>
  <c r="AZ22" i="5"/>
  <c r="BA22" i="5"/>
  <c r="BB22" i="5"/>
  <c r="BC22" i="5"/>
  <c r="BD22" i="5"/>
  <c r="BE22" i="5"/>
  <c r="BF22" i="5"/>
  <c r="BG22" i="5"/>
  <c r="BH22" i="5"/>
  <c r="I25" i="5"/>
  <c r="J25" i="5"/>
  <c r="K25" i="5"/>
  <c r="L25" i="5"/>
  <c r="M25" i="5"/>
  <c r="N25" i="5"/>
  <c r="O25" i="5"/>
  <c r="P25" i="5"/>
  <c r="Q25" i="5"/>
  <c r="R25" i="5"/>
  <c r="S25" i="5"/>
  <c r="T25" i="5"/>
  <c r="U25" i="5"/>
  <c r="V25" i="5"/>
  <c r="W25" i="5"/>
  <c r="X25" i="5"/>
  <c r="Y25" i="5"/>
  <c r="Z25" i="5"/>
  <c r="AA25" i="5"/>
  <c r="AB25" i="5"/>
  <c r="AC25" i="5"/>
  <c r="AD25" i="5"/>
  <c r="AE25" i="5"/>
  <c r="AF25" i="5"/>
  <c r="AG25" i="5"/>
  <c r="AH25" i="5"/>
  <c r="AI25" i="5"/>
  <c r="AJ25" i="5"/>
  <c r="AK25" i="5"/>
  <c r="AL25" i="5"/>
  <c r="AM25" i="5"/>
  <c r="AN25" i="5"/>
  <c r="AO25" i="5"/>
  <c r="AP25" i="5"/>
  <c r="AQ25" i="5"/>
  <c r="AR25" i="5"/>
  <c r="AS25" i="5"/>
  <c r="AT25" i="5"/>
  <c r="AU25" i="5"/>
  <c r="AV25" i="5"/>
  <c r="AW25" i="5"/>
  <c r="AX25" i="5"/>
  <c r="AY25" i="5"/>
  <c r="AZ25" i="5"/>
  <c r="BA25" i="5"/>
  <c r="BB25" i="5"/>
  <c r="BC25" i="5"/>
  <c r="BD25" i="5"/>
  <c r="BE25" i="5"/>
  <c r="BF25" i="5"/>
  <c r="BG25" i="5"/>
  <c r="BH25" i="5"/>
  <c r="I28" i="5"/>
  <c r="J28" i="5"/>
  <c r="K28" i="5"/>
  <c r="L28" i="5"/>
  <c r="M28" i="5"/>
  <c r="N28" i="5"/>
  <c r="O28" i="5"/>
  <c r="P28" i="5"/>
  <c r="Q28" i="5"/>
  <c r="R28" i="5"/>
  <c r="S28" i="5"/>
  <c r="T28" i="5"/>
  <c r="U28" i="5"/>
  <c r="V28" i="5"/>
  <c r="W28" i="5"/>
  <c r="X28" i="5"/>
  <c r="Y28" i="5"/>
  <c r="Z28" i="5"/>
  <c r="AA28" i="5"/>
  <c r="AB28" i="5"/>
  <c r="AC28" i="5"/>
  <c r="AD28" i="5"/>
  <c r="AE28" i="5"/>
  <c r="AF28" i="5"/>
  <c r="AG28" i="5"/>
  <c r="AH28" i="5"/>
  <c r="AI28" i="5"/>
  <c r="AJ28" i="5"/>
  <c r="AK28" i="5"/>
  <c r="AL28" i="5"/>
  <c r="AM28" i="5"/>
  <c r="AN28" i="5"/>
  <c r="AO28" i="5"/>
  <c r="AP28" i="5"/>
  <c r="AQ28" i="5"/>
  <c r="AR28" i="5"/>
  <c r="AS28" i="5"/>
  <c r="AT28" i="5"/>
  <c r="AU28" i="5"/>
  <c r="AV28" i="5"/>
  <c r="AW28" i="5"/>
  <c r="AX28" i="5"/>
  <c r="AY28" i="5"/>
  <c r="AZ28" i="5"/>
  <c r="BA28" i="5"/>
  <c r="BB28" i="5"/>
  <c r="BC28" i="5"/>
  <c r="BD28" i="5"/>
  <c r="BE28" i="5"/>
  <c r="BF28" i="5"/>
  <c r="BG28" i="5"/>
  <c r="BH28" i="5"/>
  <c r="I30" i="5"/>
  <c r="J30" i="5"/>
  <c r="K30" i="5"/>
  <c r="L30" i="5"/>
  <c r="M30" i="5"/>
  <c r="N30" i="5"/>
  <c r="O30" i="5"/>
  <c r="P30" i="5"/>
  <c r="Q30" i="5"/>
  <c r="R30" i="5"/>
  <c r="S30" i="5"/>
  <c r="T30" i="5"/>
  <c r="U30" i="5"/>
  <c r="V30" i="5"/>
  <c r="W30" i="5"/>
  <c r="X30" i="5"/>
  <c r="Y30" i="5"/>
  <c r="Z30" i="5"/>
  <c r="AA30" i="5"/>
  <c r="AB30" i="5"/>
  <c r="AC30" i="5"/>
  <c r="AD30" i="5"/>
  <c r="AE30" i="5"/>
  <c r="AF30" i="5"/>
  <c r="AG30" i="5"/>
  <c r="AH30" i="5"/>
  <c r="AI30" i="5"/>
  <c r="AJ30" i="5"/>
  <c r="AK30" i="5"/>
  <c r="AL30" i="5"/>
  <c r="AM30" i="5"/>
  <c r="AN30" i="5"/>
  <c r="AO30" i="5"/>
  <c r="AP30" i="5"/>
  <c r="AQ30" i="5"/>
  <c r="AR30" i="5"/>
  <c r="AS30" i="5"/>
  <c r="AT30" i="5"/>
  <c r="AU30" i="5"/>
  <c r="AV30" i="5"/>
  <c r="AW30" i="5"/>
  <c r="AX30" i="5"/>
  <c r="AY30" i="5"/>
  <c r="AZ30" i="5"/>
  <c r="BA30" i="5"/>
  <c r="BB30" i="5"/>
  <c r="BC30" i="5"/>
  <c r="BD30" i="5"/>
  <c r="BE30" i="5"/>
  <c r="BF30" i="5"/>
  <c r="BG30" i="5"/>
  <c r="BH30" i="5"/>
  <c r="I33" i="5"/>
  <c r="J33" i="5"/>
  <c r="K33" i="5"/>
  <c r="L33" i="5"/>
  <c r="M33" i="5"/>
  <c r="N33" i="5"/>
  <c r="O33" i="5"/>
  <c r="P33" i="5"/>
  <c r="Q33" i="5"/>
  <c r="R33" i="5"/>
  <c r="S33" i="5"/>
  <c r="T33" i="5"/>
  <c r="U33" i="5"/>
  <c r="V33" i="5"/>
  <c r="W33" i="5"/>
  <c r="X33" i="5"/>
  <c r="Y33" i="5"/>
  <c r="Z33" i="5"/>
  <c r="AA33" i="5"/>
  <c r="AB33" i="5"/>
  <c r="AC33" i="5"/>
  <c r="AD33" i="5"/>
  <c r="AE33" i="5"/>
  <c r="AF33" i="5"/>
  <c r="AG33" i="5"/>
  <c r="AH33" i="5"/>
  <c r="AI33" i="5"/>
  <c r="AJ33" i="5"/>
  <c r="AK33" i="5"/>
  <c r="AL33" i="5"/>
  <c r="AM33" i="5"/>
  <c r="AN33" i="5"/>
  <c r="AO33" i="5"/>
  <c r="AP33" i="5"/>
  <c r="AQ33" i="5"/>
  <c r="AR33" i="5"/>
  <c r="AS33" i="5"/>
  <c r="AT33" i="5"/>
  <c r="AU33" i="5"/>
  <c r="AV33" i="5"/>
  <c r="AW33" i="5"/>
  <c r="AX33" i="5"/>
  <c r="AY33" i="5"/>
  <c r="AZ33" i="5"/>
  <c r="BA33" i="5"/>
  <c r="BB33" i="5"/>
  <c r="BC33" i="5"/>
  <c r="BD33" i="5"/>
  <c r="BE33" i="5"/>
  <c r="BF33" i="5"/>
  <c r="BG33" i="5"/>
  <c r="BH33" i="5"/>
  <c r="I34" i="5"/>
  <c r="J34" i="5"/>
  <c r="K34" i="5"/>
  <c r="L34" i="5"/>
  <c r="M34" i="5"/>
  <c r="N34" i="5"/>
  <c r="O34" i="5"/>
  <c r="P34" i="5"/>
  <c r="Q34" i="5"/>
  <c r="R34" i="5"/>
  <c r="S34" i="5"/>
  <c r="T34" i="5"/>
  <c r="U34" i="5"/>
  <c r="V34" i="5"/>
  <c r="W34" i="5"/>
  <c r="X34" i="5"/>
  <c r="Y34" i="5"/>
  <c r="Z34" i="5"/>
  <c r="AA34" i="5"/>
  <c r="AB34" i="5"/>
  <c r="AC34" i="5"/>
  <c r="AD34" i="5"/>
  <c r="AE34" i="5"/>
  <c r="AF34" i="5"/>
  <c r="AG34" i="5"/>
  <c r="AH34" i="5"/>
  <c r="AI34" i="5"/>
  <c r="AJ34" i="5"/>
  <c r="AK34" i="5"/>
  <c r="AL34" i="5"/>
  <c r="AM34" i="5"/>
  <c r="AN34" i="5"/>
  <c r="AO34" i="5"/>
  <c r="AP34" i="5"/>
  <c r="AQ34" i="5"/>
  <c r="AR34" i="5"/>
  <c r="AS34" i="5"/>
  <c r="AT34" i="5"/>
  <c r="AU34" i="5"/>
  <c r="AV34" i="5"/>
  <c r="AW34" i="5"/>
  <c r="AX34" i="5"/>
  <c r="AY34" i="5"/>
  <c r="AZ34" i="5"/>
  <c r="BA34" i="5"/>
  <c r="BB34" i="5"/>
  <c r="BC34" i="5"/>
  <c r="BD34" i="5"/>
  <c r="BE34" i="5"/>
  <c r="BF34" i="5"/>
  <c r="BG34" i="5"/>
  <c r="BH34" i="5"/>
  <c r="I35" i="5"/>
  <c r="J35" i="5"/>
  <c r="K35" i="5"/>
  <c r="L35" i="5"/>
  <c r="M35" i="5"/>
  <c r="N35" i="5"/>
  <c r="O35" i="5"/>
  <c r="P35" i="5"/>
  <c r="Q35" i="5"/>
  <c r="R35" i="5"/>
  <c r="S35" i="5"/>
  <c r="T35" i="5"/>
  <c r="U35" i="5"/>
  <c r="V35" i="5"/>
  <c r="W35" i="5"/>
  <c r="X35" i="5"/>
  <c r="Y35" i="5"/>
  <c r="Z35" i="5"/>
  <c r="AA35" i="5"/>
  <c r="AB35" i="5"/>
  <c r="AC35" i="5"/>
  <c r="AD35" i="5"/>
  <c r="AE35" i="5"/>
  <c r="AF35" i="5"/>
  <c r="AG35" i="5"/>
  <c r="AH35" i="5"/>
  <c r="AI35" i="5"/>
  <c r="AJ35" i="5"/>
  <c r="AK35" i="5"/>
  <c r="AL35" i="5"/>
  <c r="AM35" i="5"/>
  <c r="AN35" i="5"/>
  <c r="AO35" i="5"/>
  <c r="AP35" i="5"/>
  <c r="AQ35" i="5"/>
  <c r="AR35" i="5"/>
  <c r="AS35" i="5"/>
  <c r="AT35" i="5"/>
  <c r="AU35" i="5"/>
  <c r="AV35" i="5"/>
  <c r="AW35" i="5"/>
  <c r="AX35" i="5"/>
  <c r="AY35" i="5"/>
  <c r="AZ35" i="5"/>
  <c r="BA35" i="5"/>
  <c r="BB35" i="5"/>
  <c r="BC35" i="5"/>
  <c r="BD35" i="5"/>
  <c r="BE35" i="5"/>
  <c r="BF35" i="5"/>
  <c r="BG35" i="5"/>
  <c r="BH35" i="5"/>
  <c r="I36" i="5"/>
  <c r="J36" i="5"/>
  <c r="K36" i="5"/>
  <c r="L36" i="5"/>
  <c r="M36" i="5"/>
  <c r="N36" i="5"/>
  <c r="O36" i="5"/>
  <c r="P36" i="5"/>
  <c r="Q36" i="5"/>
  <c r="R36" i="5"/>
  <c r="S36" i="5"/>
  <c r="T36" i="5"/>
  <c r="U36" i="5"/>
  <c r="V36" i="5"/>
  <c r="W36" i="5"/>
  <c r="X36" i="5"/>
  <c r="Y36" i="5"/>
  <c r="Z36" i="5"/>
  <c r="AA36" i="5"/>
  <c r="AB36" i="5"/>
  <c r="AC36" i="5"/>
  <c r="AD36" i="5"/>
  <c r="AE36" i="5"/>
  <c r="AF36" i="5"/>
  <c r="AG36" i="5"/>
  <c r="AH36" i="5"/>
  <c r="AI36" i="5"/>
  <c r="AJ36" i="5"/>
  <c r="AK36" i="5"/>
  <c r="AL36" i="5"/>
  <c r="AM36" i="5"/>
  <c r="AN36" i="5"/>
  <c r="AO36" i="5"/>
  <c r="AP36" i="5"/>
  <c r="AQ36" i="5"/>
  <c r="AR36" i="5"/>
  <c r="AS36" i="5"/>
  <c r="AT36" i="5"/>
  <c r="AU36" i="5"/>
  <c r="AV36" i="5"/>
  <c r="AW36" i="5"/>
  <c r="AX36" i="5"/>
  <c r="AY36" i="5"/>
  <c r="AZ36" i="5"/>
  <c r="BA36" i="5"/>
  <c r="BB36" i="5"/>
  <c r="BC36" i="5"/>
  <c r="BD36" i="5"/>
  <c r="BE36" i="5"/>
  <c r="BF36" i="5"/>
  <c r="BG36" i="5"/>
  <c r="BH36" i="5"/>
  <c r="BD37" i="5"/>
  <c r="BE37" i="5"/>
  <c r="BF37" i="5"/>
  <c r="BG37" i="5"/>
  <c r="BH37" i="5"/>
  <c r="BD38" i="5"/>
  <c r="BE38" i="5"/>
  <c r="BF38" i="5"/>
  <c r="BG38" i="5"/>
  <c r="BH38" i="5"/>
  <c r="I39" i="5"/>
  <c r="J39" i="5"/>
  <c r="K39" i="5"/>
  <c r="L39" i="5"/>
  <c r="M39" i="5"/>
  <c r="N39" i="5"/>
  <c r="O39" i="5"/>
  <c r="P39" i="5"/>
  <c r="Q39" i="5"/>
  <c r="R39" i="5"/>
  <c r="S39" i="5"/>
  <c r="T39" i="5"/>
  <c r="U39" i="5"/>
  <c r="V39" i="5"/>
  <c r="W39" i="5"/>
  <c r="X39" i="5"/>
  <c r="Y39" i="5"/>
  <c r="Z39" i="5"/>
  <c r="AA39" i="5"/>
  <c r="AB39" i="5"/>
  <c r="AC39" i="5"/>
  <c r="AD39" i="5"/>
  <c r="AE39" i="5"/>
  <c r="AF39" i="5"/>
  <c r="AG39" i="5"/>
  <c r="AH39" i="5"/>
  <c r="AI39" i="5"/>
  <c r="AJ39" i="5"/>
  <c r="AK39" i="5"/>
  <c r="AL39" i="5"/>
  <c r="AM39" i="5"/>
  <c r="AN39" i="5"/>
  <c r="AO39" i="5"/>
  <c r="AP39" i="5"/>
  <c r="AQ39" i="5"/>
  <c r="AR39" i="5"/>
  <c r="AS39" i="5"/>
  <c r="AT39" i="5"/>
  <c r="AU39" i="5"/>
  <c r="AV39" i="5"/>
  <c r="AW39" i="5"/>
  <c r="AX39" i="5"/>
  <c r="AY39" i="5"/>
  <c r="AZ39" i="5"/>
  <c r="BA39" i="5"/>
  <c r="BB39" i="5"/>
  <c r="BC39" i="5"/>
  <c r="BD39" i="5"/>
  <c r="BE39" i="5"/>
  <c r="BF39" i="5"/>
  <c r="BG39" i="5"/>
  <c r="BH39" i="5"/>
  <c r="I40" i="5"/>
  <c r="J40" i="5"/>
  <c r="K40" i="5"/>
  <c r="L40" i="5"/>
  <c r="M40" i="5"/>
  <c r="N40" i="5"/>
  <c r="O40" i="5"/>
  <c r="P40" i="5"/>
  <c r="Q40" i="5"/>
  <c r="R40" i="5"/>
  <c r="S40" i="5"/>
  <c r="T40" i="5"/>
  <c r="U40" i="5"/>
  <c r="V40" i="5"/>
  <c r="W40" i="5"/>
  <c r="X40" i="5"/>
  <c r="Y40" i="5"/>
  <c r="Z40" i="5"/>
  <c r="AA40" i="5"/>
  <c r="AB40" i="5"/>
  <c r="AC40" i="5"/>
  <c r="AD40" i="5"/>
  <c r="AE40" i="5"/>
  <c r="AF40" i="5"/>
  <c r="AG40" i="5"/>
  <c r="AH40" i="5"/>
  <c r="AI40" i="5"/>
  <c r="AJ40" i="5"/>
  <c r="AK40" i="5"/>
  <c r="AL40" i="5"/>
  <c r="AM40" i="5"/>
  <c r="AN40" i="5"/>
  <c r="AO40" i="5"/>
  <c r="AP40" i="5"/>
  <c r="AQ40" i="5"/>
  <c r="AR40" i="5"/>
  <c r="AS40" i="5"/>
  <c r="AT40" i="5"/>
  <c r="AU40" i="5"/>
  <c r="AV40" i="5"/>
  <c r="AW40" i="5"/>
  <c r="AX40" i="5"/>
  <c r="AY40" i="5"/>
  <c r="AZ40" i="5"/>
  <c r="BA40" i="5"/>
  <c r="BB40" i="5"/>
  <c r="BC40" i="5"/>
  <c r="BD40" i="5"/>
  <c r="BE40" i="5"/>
  <c r="BF40" i="5"/>
  <c r="BG40" i="5"/>
  <c r="BH40" i="5"/>
  <c r="I41" i="5"/>
  <c r="J41" i="5"/>
  <c r="K41" i="5"/>
  <c r="L41" i="5"/>
  <c r="M41" i="5"/>
  <c r="N41" i="5"/>
  <c r="O41" i="5"/>
  <c r="P41" i="5"/>
  <c r="Q41" i="5"/>
  <c r="R41" i="5"/>
  <c r="S41" i="5"/>
  <c r="T41" i="5"/>
  <c r="U41" i="5"/>
  <c r="V41" i="5"/>
  <c r="W41" i="5"/>
  <c r="X41" i="5"/>
  <c r="Y41" i="5"/>
  <c r="Z41" i="5"/>
  <c r="AA41" i="5"/>
  <c r="AB41" i="5"/>
  <c r="AC41" i="5"/>
  <c r="AD41" i="5"/>
  <c r="AE41" i="5"/>
  <c r="AF41" i="5"/>
  <c r="AG41" i="5"/>
  <c r="AH41" i="5"/>
  <c r="AI41" i="5"/>
  <c r="AJ41" i="5"/>
  <c r="AK41" i="5"/>
  <c r="AL41" i="5"/>
  <c r="AM41" i="5"/>
  <c r="AN41" i="5"/>
  <c r="AO41" i="5"/>
  <c r="AP41" i="5"/>
  <c r="AQ41" i="5"/>
  <c r="AR41" i="5"/>
  <c r="AS41" i="5"/>
  <c r="AT41" i="5"/>
  <c r="AU41" i="5"/>
  <c r="AV41" i="5"/>
  <c r="AW41" i="5"/>
  <c r="AX41" i="5"/>
  <c r="AY41" i="5"/>
  <c r="AZ41" i="5"/>
  <c r="BA41" i="5"/>
  <c r="BB41" i="5"/>
  <c r="BC41" i="5"/>
  <c r="BD41" i="5"/>
  <c r="BE41" i="5"/>
  <c r="BF41" i="5"/>
  <c r="BG41" i="5"/>
  <c r="BH41" i="5"/>
  <c r="I42" i="5"/>
  <c r="J42" i="5"/>
  <c r="K42" i="5"/>
  <c r="L42" i="5"/>
  <c r="M42" i="5"/>
  <c r="N42" i="5"/>
  <c r="O42" i="5"/>
  <c r="P42" i="5"/>
  <c r="Q42" i="5"/>
  <c r="R42" i="5"/>
  <c r="S42" i="5"/>
  <c r="T42" i="5"/>
  <c r="U42" i="5"/>
  <c r="V42" i="5"/>
  <c r="W42" i="5"/>
  <c r="X42" i="5"/>
  <c r="Y42" i="5"/>
  <c r="Z42" i="5"/>
  <c r="AA42" i="5"/>
  <c r="AB42" i="5"/>
  <c r="AC42" i="5"/>
  <c r="AD42" i="5"/>
  <c r="AE42" i="5"/>
  <c r="AF42" i="5"/>
  <c r="AG42" i="5"/>
  <c r="AH42" i="5"/>
  <c r="AI42" i="5"/>
  <c r="AJ42" i="5"/>
  <c r="AK42" i="5"/>
  <c r="AL42" i="5"/>
  <c r="AM42" i="5"/>
  <c r="AN42" i="5"/>
  <c r="AO42" i="5"/>
  <c r="AP42" i="5"/>
  <c r="AQ42" i="5"/>
  <c r="AR42" i="5"/>
  <c r="AS42" i="5"/>
  <c r="AT42" i="5"/>
  <c r="AU42" i="5"/>
  <c r="AV42" i="5"/>
  <c r="AW42" i="5"/>
  <c r="AX42" i="5"/>
  <c r="AY42" i="5"/>
  <c r="AZ42" i="5"/>
  <c r="BA42" i="5"/>
  <c r="BB42" i="5"/>
  <c r="BC42" i="5"/>
  <c r="BD42" i="5"/>
  <c r="BE42" i="5"/>
  <c r="BF42" i="5"/>
  <c r="BG42" i="5"/>
  <c r="BH42" i="5"/>
  <c r="I43" i="5"/>
  <c r="J43" i="5"/>
  <c r="K43" i="5"/>
  <c r="L43" i="5"/>
  <c r="M43" i="5"/>
  <c r="N43" i="5"/>
  <c r="O43" i="5"/>
  <c r="P43" i="5"/>
  <c r="Q43" i="5"/>
  <c r="R43" i="5"/>
  <c r="S43" i="5"/>
  <c r="T43" i="5"/>
  <c r="U43" i="5"/>
  <c r="V43" i="5"/>
  <c r="W43" i="5"/>
  <c r="X43" i="5"/>
  <c r="Y43" i="5"/>
  <c r="Z43" i="5"/>
  <c r="AA43" i="5"/>
  <c r="AB43" i="5"/>
  <c r="AC43" i="5"/>
  <c r="AD43" i="5"/>
  <c r="AE43" i="5"/>
  <c r="AF43" i="5"/>
  <c r="AG43" i="5"/>
  <c r="AH43" i="5"/>
  <c r="AI43" i="5"/>
  <c r="AJ43" i="5"/>
  <c r="AK43" i="5"/>
  <c r="AL43" i="5"/>
  <c r="AM43" i="5"/>
  <c r="AN43" i="5"/>
  <c r="AO43" i="5"/>
  <c r="AP43" i="5"/>
  <c r="AQ43" i="5"/>
  <c r="AR43" i="5"/>
  <c r="AS43" i="5"/>
  <c r="AT43" i="5"/>
  <c r="AU43" i="5"/>
  <c r="AV43" i="5"/>
  <c r="AW43" i="5"/>
  <c r="AX43" i="5"/>
  <c r="AY43" i="5"/>
  <c r="AZ43" i="5"/>
  <c r="BA43" i="5"/>
  <c r="BB43" i="5"/>
  <c r="BC43" i="5"/>
  <c r="BD43" i="5"/>
  <c r="BE43" i="5"/>
  <c r="BF43" i="5"/>
  <c r="BG43" i="5"/>
  <c r="BH43" i="5"/>
  <c r="I44" i="5"/>
  <c r="J44" i="5"/>
  <c r="K44" i="5"/>
  <c r="L44" i="5"/>
  <c r="M44" i="5"/>
  <c r="N44" i="5"/>
  <c r="O44" i="5"/>
  <c r="P44" i="5"/>
  <c r="Q44" i="5"/>
  <c r="R44" i="5"/>
  <c r="S44" i="5"/>
  <c r="T44" i="5"/>
  <c r="U44" i="5"/>
  <c r="V44" i="5"/>
  <c r="W44" i="5"/>
  <c r="X44" i="5"/>
  <c r="Y44" i="5"/>
  <c r="Z44" i="5"/>
  <c r="AA44" i="5"/>
  <c r="AB44" i="5"/>
  <c r="AC44" i="5"/>
  <c r="AD44" i="5"/>
  <c r="AE44" i="5"/>
  <c r="AF44" i="5"/>
  <c r="AG44" i="5"/>
  <c r="AH44" i="5"/>
  <c r="AI44" i="5"/>
  <c r="AJ44" i="5"/>
  <c r="AK44" i="5"/>
  <c r="AL44" i="5"/>
  <c r="AM44" i="5"/>
  <c r="AN44" i="5"/>
  <c r="AO44" i="5"/>
  <c r="AP44" i="5"/>
  <c r="AQ44" i="5"/>
  <c r="AR44" i="5"/>
  <c r="AS44" i="5"/>
  <c r="AT44" i="5"/>
  <c r="AU44" i="5"/>
  <c r="AV44" i="5"/>
  <c r="AW44" i="5"/>
  <c r="AX44" i="5"/>
  <c r="AY44" i="5"/>
  <c r="AZ44" i="5"/>
  <c r="BA44" i="5"/>
  <c r="BB44" i="5"/>
  <c r="BC44" i="5"/>
  <c r="BD44" i="5"/>
  <c r="BE44" i="5"/>
  <c r="BF44" i="5"/>
  <c r="BG44" i="5"/>
  <c r="BH44" i="5"/>
  <c r="I45" i="5"/>
  <c r="J45" i="5"/>
  <c r="K45" i="5"/>
  <c r="L45" i="5"/>
  <c r="M45" i="5"/>
  <c r="N45" i="5"/>
  <c r="O45" i="5"/>
  <c r="P45" i="5"/>
  <c r="Q45" i="5"/>
  <c r="R45" i="5"/>
  <c r="S45" i="5"/>
  <c r="T45" i="5"/>
  <c r="U45" i="5"/>
  <c r="V45" i="5"/>
  <c r="W45" i="5"/>
  <c r="X45" i="5"/>
  <c r="Y45" i="5"/>
  <c r="Z45" i="5"/>
  <c r="AA45" i="5"/>
  <c r="AB45" i="5"/>
  <c r="AC45" i="5"/>
  <c r="AD45" i="5"/>
  <c r="AE45" i="5"/>
  <c r="AF45" i="5"/>
  <c r="AG45" i="5"/>
  <c r="AH45" i="5"/>
  <c r="AI45" i="5"/>
  <c r="AJ45" i="5"/>
  <c r="AK45" i="5"/>
  <c r="AL45" i="5"/>
  <c r="AM45" i="5"/>
  <c r="AN45" i="5"/>
  <c r="AO45" i="5"/>
  <c r="AP45" i="5"/>
  <c r="AQ45" i="5"/>
  <c r="AR45" i="5"/>
  <c r="AS45" i="5"/>
  <c r="AT45" i="5"/>
  <c r="AU45" i="5"/>
  <c r="AV45" i="5"/>
  <c r="AW45" i="5"/>
  <c r="AX45" i="5"/>
  <c r="AY45" i="5"/>
  <c r="AZ45" i="5"/>
  <c r="BA45" i="5"/>
  <c r="BB45" i="5"/>
  <c r="BC45" i="5"/>
  <c r="BD45" i="5"/>
  <c r="BE45" i="5"/>
  <c r="BF45" i="5"/>
  <c r="BG45" i="5"/>
  <c r="BH45" i="5"/>
  <c r="I46" i="5"/>
  <c r="J46" i="5"/>
  <c r="K46" i="5"/>
  <c r="L46" i="5"/>
  <c r="M46" i="5"/>
  <c r="N46" i="5"/>
  <c r="O46" i="5"/>
  <c r="P46" i="5"/>
  <c r="Q46" i="5"/>
  <c r="R46" i="5"/>
  <c r="S46" i="5"/>
  <c r="T46" i="5"/>
  <c r="U46" i="5"/>
  <c r="V46" i="5"/>
  <c r="W46" i="5"/>
  <c r="X46" i="5"/>
  <c r="Y46" i="5"/>
  <c r="Z46" i="5"/>
  <c r="AA46" i="5"/>
  <c r="AB46" i="5"/>
  <c r="AC46" i="5"/>
  <c r="AD46" i="5"/>
  <c r="AE46" i="5"/>
  <c r="AF46" i="5"/>
  <c r="AG46" i="5"/>
  <c r="AH46" i="5"/>
  <c r="AI46" i="5"/>
  <c r="AJ46" i="5"/>
  <c r="AK46" i="5"/>
  <c r="AL46" i="5"/>
  <c r="AM46" i="5"/>
  <c r="AN46" i="5"/>
  <c r="AO46" i="5"/>
  <c r="AP46" i="5"/>
  <c r="AQ46" i="5"/>
  <c r="AR46" i="5"/>
  <c r="AS46" i="5"/>
  <c r="AT46" i="5"/>
  <c r="AU46" i="5"/>
  <c r="AV46" i="5"/>
  <c r="AW46" i="5"/>
  <c r="AX46" i="5"/>
  <c r="AY46" i="5"/>
  <c r="AZ46" i="5"/>
  <c r="BA46" i="5"/>
  <c r="BB46" i="5"/>
  <c r="BC46" i="5"/>
  <c r="BD46" i="5"/>
  <c r="BE46" i="5"/>
  <c r="BF46" i="5"/>
  <c r="BG46" i="5"/>
  <c r="BH46" i="5"/>
  <c r="I47" i="5"/>
  <c r="J47" i="5"/>
  <c r="K47" i="5"/>
  <c r="L47" i="5"/>
  <c r="M47" i="5"/>
  <c r="N47" i="5"/>
  <c r="O47" i="5"/>
  <c r="P47" i="5"/>
  <c r="Q47" i="5"/>
  <c r="R47" i="5"/>
  <c r="S47" i="5"/>
  <c r="T47" i="5"/>
  <c r="U47" i="5"/>
  <c r="V47" i="5"/>
  <c r="W47" i="5"/>
  <c r="X47" i="5"/>
  <c r="Y47" i="5"/>
  <c r="Z47" i="5"/>
  <c r="AA47" i="5"/>
  <c r="AB47" i="5"/>
  <c r="AC47" i="5"/>
  <c r="AD47" i="5"/>
  <c r="AE47" i="5"/>
  <c r="AF47" i="5"/>
  <c r="AG47" i="5"/>
  <c r="AH47" i="5"/>
  <c r="AI47" i="5"/>
  <c r="AJ47" i="5"/>
  <c r="AK47" i="5"/>
  <c r="AL47" i="5"/>
  <c r="AM47" i="5"/>
  <c r="AN47" i="5"/>
  <c r="AO47" i="5"/>
  <c r="AP47" i="5"/>
  <c r="AQ47" i="5"/>
  <c r="AR47" i="5"/>
  <c r="AS47" i="5"/>
  <c r="AT47" i="5"/>
  <c r="AU47" i="5"/>
  <c r="AV47" i="5"/>
  <c r="AW47" i="5"/>
  <c r="AX47" i="5"/>
  <c r="AY47" i="5"/>
  <c r="AZ47" i="5"/>
  <c r="BA47" i="5"/>
  <c r="BB47" i="5"/>
  <c r="BC47" i="5"/>
  <c r="BD47" i="5"/>
  <c r="BE47" i="5"/>
  <c r="BF47" i="5"/>
  <c r="BG47" i="5"/>
  <c r="BH47" i="5"/>
  <c r="I48" i="5"/>
  <c r="J48" i="5"/>
  <c r="K48" i="5"/>
  <c r="L48" i="5"/>
  <c r="M48" i="5"/>
  <c r="N48" i="5"/>
  <c r="O48" i="5"/>
  <c r="P48" i="5"/>
  <c r="Q48" i="5"/>
  <c r="R48" i="5"/>
  <c r="S48" i="5"/>
  <c r="T48" i="5"/>
  <c r="U48" i="5"/>
  <c r="V48" i="5"/>
  <c r="W48" i="5"/>
  <c r="X48" i="5"/>
  <c r="Y48" i="5"/>
  <c r="Z48" i="5"/>
  <c r="AA48" i="5"/>
  <c r="AB48" i="5"/>
  <c r="AC48" i="5"/>
  <c r="AD48" i="5"/>
  <c r="AE48" i="5"/>
  <c r="AF48" i="5"/>
  <c r="AG48" i="5"/>
  <c r="AH48" i="5"/>
  <c r="AI48" i="5"/>
  <c r="AJ48" i="5"/>
  <c r="AK48" i="5"/>
  <c r="AL48" i="5"/>
  <c r="AM48" i="5"/>
  <c r="AN48" i="5"/>
  <c r="AO48" i="5"/>
  <c r="AP48" i="5"/>
  <c r="AQ48" i="5"/>
  <c r="AR48" i="5"/>
  <c r="AS48" i="5"/>
  <c r="AT48" i="5"/>
  <c r="AU48" i="5"/>
  <c r="AV48" i="5"/>
  <c r="AW48" i="5"/>
  <c r="AX48" i="5"/>
  <c r="AY48" i="5"/>
  <c r="AZ48" i="5"/>
  <c r="BA48" i="5"/>
  <c r="BB48" i="5"/>
  <c r="BC48" i="5"/>
  <c r="BD48" i="5"/>
  <c r="BE48" i="5"/>
  <c r="BF48" i="5"/>
  <c r="BG48" i="5"/>
  <c r="BH48" i="5"/>
  <c r="I49" i="5"/>
  <c r="J49" i="5"/>
  <c r="K49" i="5"/>
  <c r="L49" i="5"/>
  <c r="M49" i="5"/>
  <c r="N49" i="5"/>
  <c r="O49" i="5"/>
  <c r="P49" i="5"/>
  <c r="Q49" i="5"/>
  <c r="R49" i="5"/>
  <c r="S49" i="5"/>
  <c r="T49" i="5"/>
  <c r="U49" i="5"/>
  <c r="V49" i="5"/>
  <c r="W49" i="5"/>
  <c r="X49" i="5"/>
  <c r="Y49" i="5"/>
  <c r="Z49" i="5"/>
  <c r="AA49" i="5"/>
  <c r="AB49" i="5"/>
  <c r="AC49" i="5"/>
  <c r="AD49" i="5"/>
  <c r="AE49" i="5"/>
  <c r="AF49" i="5"/>
  <c r="AG49" i="5"/>
  <c r="AH49" i="5"/>
  <c r="AI49" i="5"/>
  <c r="AJ49" i="5"/>
  <c r="AK49" i="5"/>
  <c r="AL49" i="5"/>
  <c r="AM49" i="5"/>
  <c r="AN49" i="5"/>
  <c r="AO49" i="5"/>
  <c r="AP49" i="5"/>
  <c r="AQ49" i="5"/>
  <c r="AR49" i="5"/>
  <c r="AS49" i="5"/>
  <c r="AT49" i="5"/>
  <c r="AU49" i="5"/>
  <c r="AV49" i="5"/>
  <c r="AW49" i="5"/>
  <c r="AX49" i="5"/>
  <c r="AY49" i="5"/>
  <c r="AZ49" i="5"/>
  <c r="BA49" i="5"/>
  <c r="BB49" i="5"/>
  <c r="BC49" i="5"/>
  <c r="BD49" i="5"/>
  <c r="BE49" i="5"/>
  <c r="BF49" i="5"/>
  <c r="BG49" i="5"/>
  <c r="BH49" i="5"/>
  <c r="I50" i="5"/>
  <c r="J50" i="5"/>
  <c r="K50" i="5"/>
  <c r="L50" i="5"/>
  <c r="M50" i="5"/>
  <c r="N50" i="5"/>
  <c r="O50" i="5"/>
  <c r="P50" i="5"/>
  <c r="Q50" i="5"/>
  <c r="R50" i="5"/>
  <c r="S50" i="5"/>
  <c r="T50" i="5"/>
  <c r="U50" i="5"/>
  <c r="V50" i="5"/>
  <c r="W50" i="5"/>
  <c r="X50" i="5"/>
  <c r="Y50" i="5"/>
  <c r="Z50" i="5"/>
  <c r="AA50" i="5"/>
  <c r="AB50" i="5"/>
  <c r="AC50" i="5"/>
  <c r="AD50" i="5"/>
  <c r="AE50" i="5"/>
  <c r="AF50" i="5"/>
  <c r="AG50" i="5"/>
  <c r="AH50" i="5"/>
  <c r="AI50" i="5"/>
  <c r="AJ50" i="5"/>
  <c r="AK50" i="5"/>
  <c r="AL50" i="5"/>
  <c r="AM50" i="5"/>
  <c r="AN50" i="5"/>
  <c r="AO50" i="5"/>
  <c r="AP50" i="5"/>
  <c r="AQ50" i="5"/>
  <c r="AR50" i="5"/>
  <c r="AS50" i="5"/>
  <c r="AT50" i="5"/>
  <c r="AU50" i="5"/>
  <c r="AV50" i="5"/>
  <c r="AW50" i="5"/>
  <c r="AX50" i="5"/>
  <c r="AY50" i="5"/>
  <c r="AZ50" i="5"/>
  <c r="BA50" i="5"/>
  <c r="BB50" i="5"/>
  <c r="BC50" i="5"/>
  <c r="BD50" i="5"/>
  <c r="BE50" i="5"/>
  <c r="BF50" i="5"/>
  <c r="BG50" i="5"/>
  <c r="BH50" i="5"/>
  <c r="I4" i="5"/>
  <c r="C8" i="4"/>
  <c r="F32" i="5" l="1"/>
  <c r="E32" i="5"/>
  <c r="F27" i="5"/>
  <c r="E27" i="5"/>
  <c r="F26" i="5"/>
  <c r="E26" i="5"/>
  <c r="F20" i="5"/>
  <c r="E20" i="5"/>
  <c r="F14" i="5"/>
  <c r="F16" i="5"/>
  <c r="E23" i="5"/>
  <c r="E24" i="5"/>
  <c r="E13" i="5"/>
  <c r="F31" i="5"/>
  <c r="E31" i="5"/>
  <c r="L20" i="5" l="1"/>
  <c r="T20" i="5"/>
  <c r="AB20" i="5"/>
  <c r="AJ20" i="5"/>
  <c r="AR20" i="5"/>
  <c r="AZ20" i="5"/>
  <c r="BH20" i="5"/>
  <c r="M20" i="5"/>
  <c r="U20" i="5"/>
  <c r="AC20" i="5"/>
  <c r="AK20" i="5"/>
  <c r="AS20" i="5"/>
  <c r="BA20" i="5"/>
  <c r="N20" i="5"/>
  <c r="V20" i="5"/>
  <c r="AD20" i="5"/>
  <c r="AL20" i="5"/>
  <c r="AT20" i="5"/>
  <c r="BB20" i="5"/>
  <c r="O20" i="5"/>
  <c r="W20" i="5"/>
  <c r="AE20" i="5"/>
  <c r="AM20" i="5"/>
  <c r="AU20" i="5"/>
  <c r="BC20" i="5"/>
  <c r="Y20" i="5"/>
  <c r="AW20" i="5"/>
  <c r="P20" i="5"/>
  <c r="X20" i="5"/>
  <c r="AF20" i="5"/>
  <c r="AN20" i="5"/>
  <c r="AV20" i="5"/>
  <c r="BD20" i="5"/>
  <c r="I20" i="5"/>
  <c r="Q20" i="5"/>
  <c r="AG20" i="5"/>
  <c r="AO20" i="5"/>
  <c r="BE20" i="5"/>
  <c r="AH20" i="5"/>
  <c r="AI20" i="5"/>
  <c r="J20" i="5"/>
  <c r="AP20" i="5"/>
  <c r="K20" i="5"/>
  <c r="AQ20" i="5"/>
  <c r="R20" i="5"/>
  <c r="AX20" i="5"/>
  <c r="S20" i="5"/>
  <c r="AY20" i="5"/>
  <c r="Z20" i="5"/>
  <c r="BF20" i="5"/>
  <c r="AA20" i="5"/>
  <c r="BG20" i="5"/>
  <c r="P14" i="5"/>
  <c r="X14" i="5"/>
  <c r="AF14" i="5"/>
  <c r="AN14" i="5"/>
  <c r="AV14" i="5"/>
  <c r="BD14" i="5"/>
  <c r="I14" i="5"/>
  <c r="Q14" i="5"/>
  <c r="Y14" i="5"/>
  <c r="AG14" i="5"/>
  <c r="AO14" i="5"/>
  <c r="AW14" i="5"/>
  <c r="BE14" i="5"/>
  <c r="J14" i="5"/>
  <c r="R14" i="5"/>
  <c r="Z14" i="5"/>
  <c r="AH14" i="5"/>
  <c r="AP14" i="5"/>
  <c r="AX14" i="5"/>
  <c r="BF14" i="5"/>
  <c r="K14" i="5"/>
  <c r="S14" i="5"/>
  <c r="AA14" i="5"/>
  <c r="AI14" i="5"/>
  <c r="AQ14" i="5"/>
  <c r="AY14" i="5"/>
  <c r="BG14" i="5"/>
  <c r="M14" i="5"/>
  <c r="AC14" i="5"/>
  <c r="AS14" i="5"/>
  <c r="L14" i="5"/>
  <c r="T14" i="5"/>
  <c r="AB14" i="5"/>
  <c r="AJ14" i="5"/>
  <c r="AR14" i="5"/>
  <c r="AZ14" i="5"/>
  <c r="BH14" i="5"/>
  <c r="U14" i="5"/>
  <c r="AK14" i="5"/>
  <c r="BA14" i="5"/>
  <c r="V14" i="5"/>
  <c r="BB14" i="5"/>
  <c r="W14" i="5"/>
  <c r="BC14" i="5"/>
  <c r="AD14" i="5"/>
  <c r="AE14" i="5"/>
  <c r="AL14" i="5"/>
  <c r="AM14" i="5"/>
  <c r="N14" i="5"/>
  <c r="AT14" i="5"/>
  <c r="O14" i="5"/>
  <c r="AU14" i="5"/>
  <c r="L13" i="5"/>
  <c r="T13" i="5"/>
  <c r="AB13" i="5"/>
  <c r="AJ13" i="5"/>
  <c r="AR13" i="5"/>
  <c r="AZ13" i="5"/>
  <c r="BH13" i="5"/>
  <c r="M13" i="5"/>
  <c r="U13" i="5"/>
  <c r="AC13" i="5"/>
  <c r="AK13" i="5"/>
  <c r="AS13" i="5"/>
  <c r="BA13" i="5"/>
  <c r="N13" i="5"/>
  <c r="V13" i="5"/>
  <c r="AD13" i="5"/>
  <c r="AL13" i="5"/>
  <c r="AT13" i="5"/>
  <c r="BB13" i="5"/>
  <c r="O13" i="5"/>
  <c r="W13" i="5"/>
  <c r="AE13" i="5"/>
  <c r="AM13" i="5"/>
  <c r="AU13" i="5"/>
  <c r="BC13" i="5"/>
  <c r="Q13" i="5"/>
  <c r="AO13" i="5"/>
  <c r="P13" i="5"/>
  <c r="X13" i="5"/>
  <c r="AF13" i="5"/>
  <c r="AN13" i="5"/>
  <c r="AV13" i="5"/>
  <c r="BD13" i="5"/>
  <c r="I13" i="5"/>
  <c r="Y13" i="5"/>
  <c r="AG13" i="5"/>
  <c r="AW13" i="5"/>
  <c r="BE13" i="5"/>
  <c r="J13" i="5"/>
  <c r="AP13" i="5"/>
  <c r="K13" i="5"/>
  <c r="AQ13" i="5"/>
  <c r="R13" i="5"/>
  <c r="AX13" i="5"/>
  <c r="S13" i="5"/>
  <c r="AY13" i="5"/>
  <c r="Z13" i="5"/>
  <c r="BF13" i="5"/>
  <c r="AA13" i="5"/>
  <c r="BG13" i="5"/>
  <c r="AH13" i="5"/>
  <c r="AI13" i="5"/>
  <c r="M24" i="5"/>
  <c r="U24" i="5"/>
  <c r="AC24" i="5"/>
  <c r="AK24" i="5"/>
  <c r="AS24" i="5"/>
  <c r="BA24" i="5"/>
  <c r="N24" i="5"/>
  <c r="V24" i="5"/>
  <c r="AD24" i="5"/>
  <c r="AL24" i="5"/>
  <c r="AT24" i="5"/>
  <c r="BB24" i="5"/>
  <c r="O24" i="5"/>
  <c r="W24" i="5"/>
  <c r="AE24" i="5"/>
  <c r="AM24" i="5"/>
  <c r="AU24" i="5"/>
  <c r="BC24" i="5"/>
  <c r="I24" i="5"/>
  <c r="Y24" i="5"/>
  <c r="AW24" i="5"/>
  <c r="BE24" i="5"/>
  <c r="P24" i="5"/>
  <c r="X24" i="5"/>
  <c r="AF24" i="5"/>
  <c r="AN24" i="5"/>
  <c r="AV24" i="5"/>
  <c r="BD24" i="5"/>
  <c r="Q24" i="5"/>
  <c r="AG24" i="5"/>
  <c r="S24" i="5"/>
  <c r="AO24" i="5"/>
  <c r="BG24" i="5"/>
  <c r="T24" i="5"/>
  <c r="AP24" i="5"/>
  <c r="BH24" i="5"/>
  <c r="Z24" i="5"/>
  <c r="AQ24" i="5"/>
  <c r="AA24" i="5"/>
  <c r="AR24" i="5"/>
  <c r="J24" i="5"/>
  <c r="AB24" i="5"/>
  <c r="AX24" i="5"/>
  <c r="K24" i="5"/>
  <c r="AH24" i="5"/>
  <c r="AY24" i="5"/>
  <c r="L24" i="5"/>
  <c r="AI24" i="5"/>
  <c r="AZ24" i="5"/>
  <c r="R24" i="5"/>
  <c r="AJ24" i="5"/>
  <c r="BF24" i="5"/>
  <c r="M26" i="5"/>
  <c r="U26" i="5"/>
  <c r="AC26" i="5"/>
  <c r="AK26" i="5"/>
  <c r="AS26" i="5"/>
  <c r="BA26" i="5"/>
  <c r="N26" i="5"/>
  <c r="V26" i="5"/>
  <c r="AD26" i="5"/>
  <c r="AL26" i="5"/>
  <c r="AT26" i="5"/>
  <c r="BB26" i="5"/>
  <c r="O26" i="5"/>
  <c r="W26" i="5"/>
  <c r="AE26" i="5"/>
  <c r="AM26" i="5"/>
  <c r="AU26" i="5"/>
  <c r="BC26" i="5"/>
  <c r="P26" i="5"/>
  <c r="X26" i="5"/>
  <c r="AF26" i="5"/>
  <c r="AN26" i="5"/>
  <c r="AV26" i="5"/>
  <c r="BD26" i="5"/>
  <c r="K26" i="5"/>
  <c r="AA26" i="5"/>
  <c r="AQ26" i="5"/>
  <c r="BG26" i="5"/>
  <c r="Z26" i="5"/>
  <c r="L26" i="5"/>
  <c r="AB26" i="5"/>
  <c r="AR26" i="5"/>
  <c r="BH26" i="5"/>
  <c r="AP26" i="5"/>
  <c r="Q26" i="5"/>
  <c r="AG26" i="5"/>
  <c r="AW26" i="5"/>
  <c r="AI26" i="5"/>
  <c r="BF26" i="5"/>
  <c r="R26" i="5"/>
  <c r="AH26" i="5"/>
  <c r="AX26" i="5"/>
  <c r="S26" i="5"/>
  <c r="AY26" i="5"/>
  <c r="T26" i="5"/>
  <c r="AJ26" i="5"/>
  <c r="AZ26" i="5"/>
  <c r="I26" i="5"/>
  <c r="Y26" i="5"/>
  <c r="AO26" i="5"/>
  <c r="BE26" i="5"/>
  <c r="J26" i="5"/>
  <c r="P23" i="5"/>
  <c r="X23" i="5"/>
  <c r="AF23" i="5"/>
  <c r="AN23" i="5"/>
  <c r="AV23" i="5"/>
  <c r="BD23" i="5"/>
  <c r="I23" i="5"/>
  <c r="Q23" i="5"/>
  <c r="Y23" i="5"/>
  <c r="AG23" i="5"/>
  <c r="AO23" i="5"/>
  <c r="AW23" i="5"/>
  <c r="BE23" i="5"/>
  <c r="J23" i="5"/>
  <c r="R23" i="5"/>
  <c r="Z23" i="5"/>
  <c r="AH23" i="5"/>
  <c r="AP23" i="5"/>
  <c r="AX23" i="5"/>
  <c r="BF23" i="5"/>
  <c r="K23" i="5"/>
  <c r="S23" i="5"/>
  <c r="AA23" i="5"/>
  <c r="AI23" i="5"/>
  <c r="AQ23" i="5"/>
  <c r="AY23" i="5"/>
  <c r="BG23" i="5"/>
  <c r="M23" i="5"/>
  <c r="AC23" i="5"/>
  <c r="AS23" i="5"/>
  <c r="L23" i="5"/>
  <c r="T23" i="5"/>
  <c r="AB23" i="5"/>
  <c r="AJ23" i="5"/>
  <c r="AR23" i="5"/>
  <c r="AZ23" i="5"/>
  <c r="BH23" i="5"/>
  <c r="U23" i="5"/>
  <c r="AK23" i="5"/>
  <c r="BA23" i="5"/>
  <c r="N23" i="5"/>
  <c r="AT23" i="5"/>
  <c r="O23" i="5"/>
  <c r="AU23" i="5"/>
  <c r="V23" i="5"/>
  <c r="BB23" i="5"/>
  <c r="W23" i="5"/>
  <c r="BC23" i="5"/>
  <c r="AD23" i="5"/>
  <c r="AE23" i="5"/>
  <c r="AL23" i="5"/>
  <c r="AM23" i="5"/>
  <c r="I27" i="5"/>
  <c r="Q27" i="5"/>
  <c r="Y27" i="5"/>
  <c r="AG27" i="5"/>
  <c r="AO27" i="5"/>
  <c r="AW27" i="5"/>
  <c r="BE27" i="5"/>
  <c r="J27" i="5"/>
  <c r="R27" i="5"/>
  <c r="Z27" i="5"/>
  <c r="AH27" i="5"/>
  <c r="AP27" i="5"/>
  <c r="AX27" i="5"/>
  <c r="BF27" i="5"/>
  <c r="K27" i="5"/>
  <c r="S27" i="5"/>
  <c r="AA27" i="5"/>
  <c r="AI27" i="5"/>
  <c r="AQ27" i="5"/>
  <c r="AY27" i="5"/>
  <c r="BG27" i="5"/>
  <c r="L27" i="5"/>
  <c r="T27" i="5"/>
  <c r="AB27" i="5"/>
  <c r="AJ27" i="5"/>
  <c r="AR27" i="5"/>
  <c r="AZ27" i="5"/>
  <c r="BH27" i="5"/>
  <c r="W27" i="5"/>
  <c r="AM27" i="5"/>
  <c r="BC27" i="5"/>
  <c r="X27" i="5"/>
  <c r="AN27" i="5"/>
  <c r="BD27" i="5"/>
  <c r="O27" i="5"/>
  <c r="M27" i="5"/>
  <c r="AC27" i="5"/>
  <c r="AS27" i="5"/>
  <c r="N27" i="5"/>
  <c r="AD27" i="5"/>
  <c r="AT27" i="5"/>
  <c r="AU27" i="5"/>
  <c r="AE27" i="5"/>
  <c r="P27" i="5"/>
  <c r="AF27" i="5"/>
  <c r="AV27" i="5"/>
  <c r="U27" i="5"/>
  <c r="AK27" i="5"/>
  <c r="BA27" i="5"/>
  <c r="V27" i="5"/>
  <c r="AL27" i="5"/>
  <c r="BB27" i="5"/>
  <c r="P16" i="5"/>
  <c r="X16" i="5"/>
  <c r="AF16" i="5"/>
  <c r="AN16" i="5"/>
  <c r="AV16" i="5"/>
  <c r="BD16" i="5"/>
  <c r="I16" i="5"/>
  <c r="Q16" i="5"/>
  <c r="Y16" i="5"/>
  <c r="AG16" i="5"/>
  <c r="AO16" i="5"/>
  <c r="AW16" i="5"/>
  <c r="BE16" i="5"/>
  <c r="J16" i="5"/>
  <c r="R16" i="5"/>
  <c r="Z16" i="5"/>
  <c r="AH16" i="5"/>
  <c r="AP16" i="5"/>
  <c r="AX16" i="5"/>
  <c r="BF16" i="5"/>
  <c r="K16" i="5"/>
  <c r="S16" i="5"/>
  <c r="AA16" i="5"/>
  <c r="AI16" i="5"/>
  <c r="AQ16" i="5"/>
  <c r="AY16" i="5"/>
  <c r="BG16" i="5"/>
  <c r="M16" i="5"/>
  <c r="U16" i="5"/>
  <c r="AK16" i="5"/>
  <c r="BA16" i="5"/>
  <c r="L16" i="5"/>
  <c r="T16" i="5"/>
  <c r="AB16" i="5"/>
  <c r="AJ16" i="5"/>
  <c r="AR16" i="5"/>
  <c r="AZ16" i="5"/>
  <c r="BH16" i="5"/>
  <c r="AC16" i="5"/>
  <c r="AS16" i="5"/>
  <c r="V16" i="5"/>
  <c r="BB16" i="5"/>
  <c r="W16" i="5"/>
  <c r="BC16" i="5"/>
  <c r="AD16" i="5"/>
  <c r="AE16" i="5"/>
  <c r="AL16" i="5"/>
  <c r="AM16" i="5"/>
  <c r="N16" i="5"/>
  <c r="AT16" i="5"/>
  <c r="O16" i="5"/>
  <c r="AU16" i="5"/>
  <c r="M31" i="5"/>
  <c r="U31" i="5"/>
  <c r="AC31" i="5"/>
  <c r="AK31" i="5"/>
  <c r="AS31" i="5"/>
  <c r="BA31" i="5"/>
  <c r="N31" i="5"/>
  <c r="V31" i="5"/>
  <c r="AD31" i="5"/>
  <c r="AL31" i="5"/>
  <c r="AT31" i="5"/>
  <c r="BB31" i="5"/>
  <c r="O31" i="5"/>
  <c r="W31" i="5"/>
  <c r="AE31" i="5"/>
  <c r="AM31" i="5"/>
  <c r="AU31" i="5"/>
  <c r="BC31" i="5"/>
  <c r="P31" i="5"/>
  <c r="X31" i="5"/>
  <c r="AF31" i="5"/>
  <c r="AN31" i="5"/>
  <c r="AV31" i="5"/>
  <c r="BD31" i="5"/>
  <c r="S31" i="5"/>
  <c r="AI31" i="5"/>
  <c r="AY31" i="5"/>
  <c r="T31" i="5"/>
  <c r="AJ31" i="5"/>
  <c r="AZ31" i="5"/>
  <c r="I31" i="5"/>
  <c r="Y31" i="5"/>
  <c r="AO31" i="5"/>
  <c r="BE31" i="5"/>
  <c r="J31" i="5"/>
  <c r="Z31" i="5"/>
  <c r="AP31" i="5"/>
  <c r="BF31" i="5"/>
  <c r="K31" i="5"/>
  <c r="AQ31" i="5"/>
  <c r="AA31" i="5"/>
  <c r="BG31" i="5"/>
  <c r="L31" i="5"/>
  <c r="AB31" i="5"/>
  <c r="AR31" i="5"/>
  <c r="BH31" i="5"/>
  <c r="Q31" i="5"/>
  <c r="AG31" i="5"/>
  <c r="AW31" i="5"/>
  <c r="R31" i="5"/>
  <c r="AH31" i="5"/>
  <c r="AX31" i="5"/>
  <c r="I32" i="5"/>
  <c r="Q32" i="5"/>
  <c r="Y32" i="5"/>
  <c r="AG32" i="5"/>
  <c r="AO32" i="5"/>
  <c r="AW32" i="5"/>
  <c r="BE32" i="5"/>
  <c r="J32" i="5"/>
  <c r="R32" i="5"/>
  <c r="Z32" i="5"/>
  <c r="AH32" i="5"/>
  <c r="AP32" i="5"/>
  <c r="AX32" i="5"/>
  <c r="BF32" i="5"/>
  <c r="K32" i="5"/>
  <c r="S32" i="5"/>
  <c r="AA32" i="5"/>
  <c r="AI32" i="5"/>
  <c r="AQ32" i="5"/>
  <c r="AY32" i="5"/>
  <c r="BG32" i="5"/>
  <c r="L32" i="5"/>
  <c r="T32" i="5"/>
  <c r="AB32" i="5"/>
  <c r="AJ32" i="5"/>
  <c r="AR32" i="5"/>
  <c r="AZ32" i="5"/>
  <c r="BH32" i="5"/>
  <c r="O32" i="5"/>
  <c r="AE32" i="5"/>
  <c r="AU32" i="5"/>
  <c r="P32" i="5"/>
  <c r="AF32" i="5"/>
  <c r="AV32" i="5"/>
  <c r="BC32" i="5"/>
  <c r="U32" i="5"/>
  <c r="AK32" i="5"/>
  <c r="BA32" i="5"/>
  <c r="AM32" i="5"/>
  <c r="V32" i="5"/>
  <c r="AL32" i="5"/>
  <c r="BB32" i="5"/>
  <c r="W32" i="5"/>
  <c r="AT32" i="5"/>
  <c r="X32" i="5"/>
  <c r="AN32" i="5"/>
  <c r="BD32" i="5"/>
  <c r="M32" i="5"/>
  <c r="AC32" i="5"/>
  <c r="AS32" i="5"/>
  <c r="N32" i="5"/>
  <c r="AD32" i="5"/>
  <c r="M18" i="5"/>
  <c r="U18" i="5"/>
  <c r="AC18" i="5"/>
  <c r="AK18" i="5"/>
  <c r="AS18" i="5"/>
  <c r="BA18" i="5"/>
  <c r="L18" i="5"/>
  <c r="BH18" i="5"/>
  <c r="N18" i="5"/>
  <c r="V18" i="5"/>
  <c r="AD18" i="5"/>
  <c r="AL18" i="5"/>
  <c r="AT18" i="5"/>
  <c r="BB18" i="5"/>
  <c r="AR18" i="5"/>
  <c r="O18" i="5"/>
  <c r="W18" i="5"/>
  <c r="AE18" i="5"/>
  <c r="AM18" i="5"/>
  <c r="AU18" i="5"/>
  <c r="BC18" i="5"/>
  <c r="T18" i="5"/>
  <c r="AZ18" i="5"/>
  <c r="P18" i="5"/>
  <c r="X18" i="5"/>
  <c r="AF18" i="5"/>
  <c r="AN18" i="5"/>
  <c r="AV18" i="5"/>
  <c r="BD18" i="5"/>
  <c r="AJ18" i="5"/>
  <c r="I18" i="5"/>
  <c r="Q18" i="5"/>
  <c r="Y18" i="5"/>
  <c r="AG18" i="5"/>
  <c r="AO18" i="5"/>
  <c r="AW18" i="5"/>
  <c r="BE18" i="5"/>
  <c r="J18" i="5"/>
  <c r="R18" i="5"/>
  <c r="Z18" i="5"/>
  <c r="AH18" i="5"/>
  <c r="AP18" i="5"/>
  <c r="AX18" i="5"/>
  <c r="BF18" i="5"/>
  <c r="AB18" i="5"/>
  <c r="K18" i="5"/>
  <c r="S18" i="5"/>
  <c r="AA18" i="5"/>
  <c r="AI18" i="5"/>
  <c r="AQ18" i="5"/>
  <c r="AY18" i="5"/>
  <c r="BG18" i="5"/>
  <c r="C24" i="4"/>
  <c r="C23" i="4"/>
  <c r="C22" i="4"/>
  <c r="C21" i="4"/>
  <c r="C18" i="4"/>
  <c r="C15" i="4"/>
  <c r="C10" i="4"/>
  <c r="C9" i="4"/>
</calcChain>
</file>

<file path=xl/sharedStrings.xml><?xml version="1.0" encoding="utf-8"?>
<sst xmlns="http://schemas.openxmlformats.org/spreadsheetml/2006/main" count="364" uniqueCount="161">
  <si>
    <r>
      <rPr>
        <b/>
        <sz val="11"/>
        <color rgb="FF000000"/>
        <rFont val="Arial"/>
      </rPr>
      <t xml:space="preserve">Planning Advisory Service Local Plan Project Plan Tool
</t>
    </r>
    <r>
      <rPr>
        <sz val="11"/>
        <color rgb="FF000000"/>
        <rFont val="Arial"/>
      </rPr>
      <t xml:space="preserve">
</t>
    </r>
    <r>
      <rPr>
        <b/>
        <sz val="11"/>
        <color rgb="FF000000"/>
        <rFont val="Arial"/>
      </rPr>
      <t xml:space="preserve">Purpose of the Tool
</t>
    </r>
    <r>
      <rPr>
        <sz val="11"/>
        <color rgb="FF000000"/>
        <rFont val="Arial"/>
      </rPr>
      <t xml:space="preserve">
This tool is intended to support local planning authorities (LPAs) that are proposing to submit a local plan for Independent Examination under the current system by December 2026. Specifically the tool seeks to support LPAs to: 
- develop and/or validate existing programmes they have produced;
- help LPAs to map out key milestones, activities and interdependencies; 
- consider how risks that might influence preparation of the plan could affect the plan production timescale; and 
- inform decision making on the realistic achievability of submitting a local plan by the December 2026 deadline. 
Having a sufficiently detailed and robust project plan in place is vital in ensuring the timely and efficient progression of Local Plans. Putting in place a robust project plan may require an investment of time now, but it will save significant time and avoid wasted resources further down the line.
The tool is informed by the experience PAS has gained over recent years in providing support and advice to LPAs about typical project management risks to Local Plans, and the evolution of best practice to try and mitigate those risks. The tool comprises six tabs:
- Tab 1 (this tab) - provides an introduction on what the tool contains and how to use it;
- Tab 2 - contains a summary tracker of key milestones for plan preparation, in a format intended to be easy to communicate to Members and senior officers, linked to the worked example in Tab 4.
- Tab 3 - comprises a blank project plan template for LPAs to use; 
- Tab 4 - contains a worked example project plan drawing on the activities, tasks and durations typically expected to produce a legally compliant and sound local plan. For the purposes of illustration it assumes that Regulation 18 consultation has already been completed. Each LPA will be different with regard to its local context, processes, evidence and stage of plan preparation. This tool therefore does not attempt to reflect that complexity and variation, but has been designed to enable LPAs to tailor it to their local circumstances. To do this, it illustrates key elements of plan preparation, provides guidance on how long key activities might take as well as containing hints and tips which can help accelerate and/or streamline the plan production process.  
- Tab 5 - contains a template for logging and scheduling key meetings with Members, neighbouring authorities, delivery partners, developers/site promoters etc. 
- Tab 6 - is a template risk register.  
LPAs can use this tool for their plan making project management or use it to help sense check and inform existing project plans.																	
									</t>
    </r>
  </si>
  <si>
    <r>
      <rPr>
        <b/>
        <sz val="11"/>
        <rFont val="Arial"/>
        <family val="2"/>
      </rPr>
      <t xml:space="preserve">How to use the Tool </t>
    </r>
    <r>
      <rPr>
        <sz val="11"/>
        <rFont val="Arial"/>
        <family val="2"/>
      </rPr>
      <t xml:space="preserve">
The tool has a section for plan preparation that can be used to add information on the drafting of plan content. In the worked example there is a specific row on the development of site allocations and spatial strategy updates, alongside the drafting of the Regulation 19 version of the plan itself. Further rows can be added for different sections of plan content development if required. The interdependencies column can be used to highlight other relevant activities that are either required for that section of plan content to be developed or other aspects of the project plan that it will be needed for – this could be needed for other evidence to be produced, for stakeholder or Duty to Cooperate engagement or for other chapters of the plan to be drafted. Reviewing the timelines for the development of plan content alongside other key aspects of the programme will help with the setting of key milestones and also risks in achieving these which will need to be considered, for example evidence not being ready.
The project plan tool can help with setting milestones for different legal and procedural requirements and identifying interdependencies with other parts of the local plan programme. In the worked example, the legal and procedural requirements are within a number of different sections – including engagement and governance, plan preparation and supporting documents, as well as legal requirements and information required for submission of the plan.  You can tailor your own project plan to present the key requirements which are relevant to you and in the way that will be most helpful to manage your programme and keep track of different tasks. For example, you may want to have a more detailed section breaking down the different elements of your Duty to Cooperate engagements, or having multiple lines for different stages of the sustainability appraisal process. The main thing is having the key information with milestones associated with the different tasks in one place.</t>
    </r>
  </si>
  <si>
    <r>
      <rPr>
        <b/>
        <sz val="11"/>
        <rFont val="Arial"/>
        <family val="2"/>
      </rPr>
      <t xml:space="preserve">The worked example project plan is based on a number of assumptions - these should be amended as necessary to reflect local context. </t>
    </r>
    <r>
      <rPr>
        <sz val="11"/>
        <rFont val="Arial"/>
        <family val="2"/>
      </rPr>
      <t xml:space="preserve">
1. This plan is based on the assumption that the LPA is at the start of Regulation 19 preparation and Regulation 18 has concluded. However, it is recognised that LPAs will be at different stages and can adapt the project plan as needed (although authorities that still envisage undertaking further Regulation 18 consultation should critcially examine whether it will still be possible to submit the plan by December 2026).
2. It is assumed that at the Regulation 19 stage, approval will given by the relevant committee/cabinet/ full council to publish for Regulation 19 and to delegate authority to submit the local plan for Independent Examination to the relevant senior officer. This avoids the need for further governance approvals before submission and enables a three month duration between end of Regulation 19 publication and submission of the local plan for Independent Examination.
3. It is assumed that no material changes will be required to the plan after the Regulation 19 publication stage</t>
    </r>
    <r>
      <rPr>
        <vertAlign val="superscript"/>
        <sz val="11"/>
        <rFont val="Arial"/>
        <family val="2"/>
      </rPr>
      <t>1</t>
    </r>
    <r>
      <rPr>
        <sz val="11"/>
        <rFont val="Arial"/>
        <family val="2"/>
      </rPr>
      <t xml:space="preserve">.
4. Regulation 19 publication is shown as running for six weeks (consistent with the statutory minimum). It is recognised each LPA will need to take their own view on the length of Regulation 19 publication to reflect local circumstances, including Statements of Community Involvement, but if more than six weeks is considered necessary this needs to be reflected appropriately in the programme.
5. The evidence section assumes some of the evidence for the local plan has already been completed and therefore focuses on those key evidence base documents where further work is typically required e.g. refining evidence to reflect the preferred growth strategy and policies. This includes: up-to-date development needs assessment (housing, GTAA, employment, retail (if required)); baseline and where needed spatial option appraisal including modelling for the Infrastructure Delivery Plan, Transport Assessment, Viability Assessment, Habitats Regulations Assessment, and up-to-date site selection selection assessment for sites submitted to the LPA prior to Regulation 18 consultation commencing. It is recognised that the status of the evidence base will vary significantly by LPA and their circumstances; and that each LPA will have evidence needs bespoke to their plan that may need to be included. In the worked example Green Belt has been included however it is recognised that this will not apply in every case. 
6. The timescales in the project plan are set out to give the best chance of meeting the submission deadline. However, it is recognised that each LPA will have its own circumstances and some LPAs may need to have a more compressed process to achieve the December 2026 deadline. 
7. The project plan runs up until the end of December 2026. However, it is recognised that some authorities will have to submit by 12 December if they are caught by the transitional arrangements in the NPPF (e.g. paragraph 237). </t>
    </r>
  </si>
  <si>
    <r>
      <rPr>
        <vertAlign val="superscript"/>
        <sz val="11"/>
        <color theme="1"/>
        <rFont val="Arial"/>
        <family val="2"/>
      </rPr>
      <t>1</t>
    </r>
    <r>
      <rPr>
        <sz val="11"/>
        <color theme="1"/>
        <rFont val="Arial"/>
        <family val="2"/>
      </rPr>
      <t xml:space="preserve"> As set out in the PINS Local Plan procedure guidance if the LPA wishes to make changes to the plan following the Regulation 19 publication and before submission, and wish the changes to be considered as part of the submitted plan, this should be presented as an addendum to the plan containing the proposed changes. If the changes are significant, the addendum, together with a Sustainability Appraisal and Habitats Regulation Assessment of the proposed changes would need to be consulted on before the plan is submitted for examination. Where an LPA provides a list of proposed changes to the published plan that have not been the subject of consultation, the Inspector will not treat those proposed changes as part of the plan to be examined. However, the Inspector may consider it appropriate for some or all of the LPA’s proposed changes to be discussed at the hearing sessions, and in appropriate circumstances they may form the basis for Main Modifications. If such steps are potentially envisaged, a significant amount of additional time would be required within the programme.</t>
    </r>
  </si>
  <si>
    <t>Using the Summary Tracker, and formatting data</t>
  </si>
  <si>
    <t xml:space="preserve">The Summary Tracker tab can be tailored to provide information on key/dates milestones and track progress on those. You can link to the key dates in the project plan tab by pressing “=” and then navigating to the right date in the project plan. This will mean the target date will automatically update when you update the programme tab. </t>
  </si>
  <si>
    <t>The Project Plan has conditional formatting to help with populating the programme once start dates and end dates are added.  Once you’ve populated it you may find it helpful to add your own visual aids to help identify key milestones, ‘pinch points’ and interdependencies.</t>
  </si>
  <si>
    <t>Inputs can be made in Columns A-H. The date bars in the remainder of the chart are locked for editing, but will update based on the dates input in Columns E and F.</t>
  </si>
  <si>
    <t>To ensure that the formatting of the tool remains protected, rows cannot be deleted. Text and dates can however be freely amended (in Columns A-H) to allow the renaming of tasks, or rows can be left blank if not required.</t>
  </si>
  <si>
    <t>New rows can freely be added for additional tasks.</t>
  </si>
  <si>
    <t>The 'Status' in Column D must be selected from a drop-down of valid options: Not started, Planned, In progress, Ongoing, Delayed, Completed.</t>
  </si>
  <si>
    <t>The valid date range in Columns E and F is set to 2026, based on the December 2026 submission date for plans under the current plan-making regulations.</t>
  </si>
  <si>
    <t>The Project Plan can be unprotcted if desired via the Review tab, then 'Unprotect Sheet'. However, given the risk of breaking formulae and formatting, this is not recommended.</t>
  </si>
  <si>
    <t>LDS Milestones</t>
  </si>
  <si>
    <t>LDS key dates</t>
  </si>
  <si>
    <t>Progress</t>
  </si>
  <si>
    <t>Cabinet/Council approval date for Regulation 19</t>
  </si>
  <si>
    <t>On track</t>
  </si>
  <si>
    <t>Regulation 19 publication period</t>
  </si>
  <si>
    <t>September-October 2026</t>
  </si>
  <si>
    <t>Not started</t>
  </si>
  <si>
    <t>Submission date</t>
  </si>
  <si>
    <t>Regulation 18 key tasks</t>
  </si>
  <si>
    <t>Key target dates</t>
  </si>
  <si>
    <t>Status</t>
  </si>
  <si>
    <t>Regulation 18 consultation period</t>
  </si>
  <si>
    <t>Delayed</t>
  </si>
  <si>
    <t>Processing of consultation responses</t>
  </si>
  <si>
    <t>Draft consultation statement</t>
  </si>
  <si>
    <t>Regulation 19 key tasks</t>
  </si>
  <si>
    <t>PINS Local Plan Advisory Visit</t>
  </si>
  <si>
    <t xml:space="preserve">Finalise evidence to inform Reg 19 draft </t>
  </si>
  <si>
    <t>Local Plan drafting</t>
  </si>
  <si>
    <t>Governance (approval of Regulation 19 Plan - report deadline)</t>
  </si>
  <si>
    <t>21/09/2026 - 26/10/2026</t>
  </si>
  <si>
    <t>Review and processing of representations</t>
  </si>
  <si>
    <t>Submission key tasks</t>
  </si>
  <si>
    <t>Complete PINS pre-submission checklist</t>
  </si>
  <si>
    <t>Finalise supporting documents for submission alongside Local Plan</t>
  </si>
  <si>
    <t>Approval of materials for submission</t>
  </si>
  <si>
    <t xml:space="preserve">Submission  </t>
  </si>
  <si>
    <t>Timescales shown are linked to the Worked Project Plan in Tab 4. They are purely indicative and for illustrative purposes only.</t>
  </si>
  <si>
    <t>XX Local Plan - Project Plan                                                             Last updated: 22/12/25</t>
  </si>
  <si>
    <t>Stage</t>
  </si>
  <si>
    <t>Activity</t>
  </si>
  <si>
    <t>Tasks</t>
  </si>
  <si>
    <t>Start Date</t>
  </si>
  <si>
    <t>End Date</t>
  </si>
  <si>
    <t>Responsibility/
Officer(s)</t>
  </si>
  <si>
    <t>Interdependencies/comments</t>
  </si>
  <si>
    <t>Key dates/
milestones</t>
  </si>
  <si>
    <t>Regulation 18 consultation</t>
  </si>
  <si>
    <t>Cabinet/Committee/Full Council report deadline</t>
  </si>
  <si>
    <t xml:space="preserve">Submission for Independent Examination </t>
  </si>
  <si>
    <t>Reg 18</t>
  </si>
  <si>
    <t>Regulation 19 stage</t>
  </si>
  <si>
    <t>Reps analysis</t>
  </si>
  <si>
    <t xml:space="preserve">Draft consultation summary document </t>
  </si>
  <si>
    <t>Determine scope of updates to draft Plan and evidence base</t>
  </si>
  <si>
    <t>Outstanding technical evidence to be produced</t>
  </si>
  <si>
    <t>Updates to Local Housing Need/Economic Development Needs</t>
  </si>
  <si>
    <t>Updated HELAA/site selection assessment</t>
  </si>
  <si>
    <t>Transport Assessment</t>
  </si>
  <si>
    <t>Viability Assessment</t>
  </si>
  <si>
    <t>Infrastructure Delivery Plan</t>
  </si>
  <si>
    <t>Green Belt Exceptional Circumstances Topic Paper (if required)</t>
  </si>
  <si>
    <t>Urban design and site capacity evidence</t>
  </si>
  <si>
    <t>Climate change/sustainability evidence</t>
  </si>
  <si>
    <t>Strategic Flood Risk Assessment and/or Sequential test/exceptions paper</t>
  </si>
  <si>
    <t>Housing Trajectory</t>
  </si>
  <si>
    <t xml:space="preserve">Plan preparation </t>
  </si>
  <si>
    <t>Completion of PAS Local Plan Route Mapper toolkit</t>
  </si>
  <si>
    <t xml:space="preserve">Drafting of Regulation 19 Plan </t>
  </si>
  <si>
    <t>Site allocations &amp; spatial strategy updates/refinement</t>
  </si>
  <si>
    <t>Preparation of Topic Papers</t>
  </si>
  <si>
    <t>Proof reading of the plan before publishing</t>
  </si>
  <si>
    <t>Communications plan/strategy</t>
  </si>
  <si>
    <t>Preparation for Regulation 19 publicity  (including materials, feedback form &amp; Statement of Representations procedure etc)</t>
  </si>
  <si>
    <t>Webpages updates and liaising with digital/comms in advance of publication launch</t>
  </si>
  <si>
    <t>PINS Local Plan advisory visit</t>
  </si>
  <si>
    <t>Appoint programme officer</t>
  </si>
  <si>
    <t>Supporting documents</t>
  </si>
  <si>
    <t>Policies Map</t>
  </si>
  <si>
    <t>Finalise consultation statement</t>
  </si>
  <si>
    <t>Engagement &amp; Governance</t>
  </si>
  <si>
    <t>Developer engagement (&amp; SoCGs where applicable)</t>
  </si>
  <si>
    <t>Engagement with statutory consultees (&amp; SoCGs where applicable)</t>
  </si>
  <si>
    <t>Neighbouring and strategic authority engagement (&amp; SoCGs where applicable)</t>
  </si>
  <si>
    <t>Officer working groups/engagement meetings</t>
  </si>
  <si>
    <t>Member working groups/briefings</t>
  </si>
  <si>
    <t>Cabinet/Committee/Council meeting</t>
  </si>
  <si>
    <t>Legal requirements</t>
  </si>
  <si>
    <t>Habitats Regulations Assessment</t>
  </si>
  <si>
    <t>Equalities Impact Assessment</t>
  </si>
  <si>
    <t>Sustainability Appraisal/SEA</t>
  </si>
  <si>
    <t>Submission</t>
  </si>
  <si>
    <t>Processing of representations &amp; consultation statement</t>
  </si>
  <si>
    <t>Finalise submission document (making and formatting/presentational changes required)</t>
  </si>
  <si>
    <t>Supporting submission documents (e.g. Topic Papers, Legal and Soundness Self Assessments)</t>
  </si>
  <si>
    <t>Complete &amp; receive PINS pre-examination checklist (10 day turnaround time)</t>
  </si>
  <si>
    <t>Internal approval of materials for submission</t>
  </si>
  <si>
    <t>Completed</t>
  </si>
  <si>
    <t>Planned</t>
  </si>
  <si>
    <t>Governance and internal sign-off arrangements.</t>
  </si>
  <si>
    <t>Governance, stakeholder engagement strategy and LDS</t>
  </si>
  <si>
    <t>Dependent on key milestones being met.</t>
  </si>
  <si>
    <t xml:space="preserve">This will include identification of new sites that will need to be assessed. Also required for consultation statement on Regulation 19 publication. </t>
  </si>
  <si>
    <t>Required for Regulation 19</t>
  </si>
  <si>
    <t xml:space="preserve">Inform updates to evidence base and Reg 19 Plan </t>
  </si>
  <si>
    <t>In progress</t>
  </si>
  <si>
    <r>
      <t>Updated information - typically</t>
    </r>
    <r>
      <rPr>
        <sz val="12"/>
        <color theme="4"/>
        <rFont val="Arial"/>
        <family val="2"/>
      </rPr>
      <t xml:space="preserve"> </t>
    </r>
    <r>
      <rPr>
        <sz val="12"/>
        <rFont val="Arial"/>
        <family val="2"/>
      </rPr>
      <t>April r</t>
    </r>
    <r>
      <rPr>
        <sz val="12"/>
        <color theme="1"/>
        <rFont val="Arial"/>
        <family val="2"/>
      </rPr>
      <t>elease</t>
    </r>
  </si>
  <si>
    <t>Needs to be completed before housing trajectory can be done</t>
  </si>
  <si>
    <t xml:space="preserve">Need draft suite of site allocations to test infrastructure impacts; may be some iterations depending on results. Outputs need to inform IDP </t>
  </si>
  <si>
    <t>Draft policies need to be in place to assess; plus confirmation of scale of costs (IDP and Transport Assessment)</t>
  </si>
  <si>
    <t>Need draft suite of site allocations to test infrastructure impacts; may be some iterations depending on results</t>
  </si>
  <si>
    <t>Informed by HELAA/site assessment work</t>
  </si>
  <si>
    <t xml:space="preserve">Needs to be completed to inform site allocations, capacities assumptions and design policies. </t>
  </si>
  <si>
    <t xml:space="preserve">Needs to be completed to inform strategic policies. </t>
  </si>
  <si>
    <t xml:space="preserve">Needs to be informed by site allocations. </t>
  </si>
  <si>
    <t xml:space="preserve">Need draft suite of site allocations to understand implications for trajectory including need to allocate more sites/propose stepped trajectory. Likely interdependency with developer engagement &amp; IDP.  Housing delivery paper may also be required. </t>
  </si>
  <si>
    <t xml:space="preserve">Draft suite of site allocations and spatial strategy needed for different pieces of evidence to be progressed, to inform strategic policies and support ongoing engagement. </t>
  </si>
  <si>
    <t>Required for other evidence to be progressed e.g. transport assessment, infrastructure delivery plan, housing trajectory.</t>
  </si>
  <si>
    <t>Ongoing</t>
  </si>
  <si>
    <t>Dependent on the evidence base documents informing the content of the topic paper</t>
  </si>
  <si>
    <t>Not planned</t>
  </si>
  <si>
    <t>Reflecting SCI</t>
  </si>
  <si>
    <t>Regulation 19 publication</t>
  </si>
  <si>
    <t xml:space="preserve">Required in advance of submission and takes time to appoint. </t>
  </si>
  <si>
    <t>Drafting of Regulation 19 Plan &amp; plan approval</t>
  </si>
  <si>
    <t>Plan approval</t>
  </si>
  <si>
    <t>Need suite of sites plus potentially outputs from Transport Assessment (where air quality impacts are a potential issue)</t>
  </si>
  <si>
    <t xml:space="preserve">Need suite of sites to inform assessment and draft policies. SA needs to be iterative alongside the development of the Regulation 19 plan </t>
  </si>
  <si>
    <t>Member meetings and/or briefings</t>
  </si>
  <si>
    <t>Meetings with neighbouring authorities and delivery partners</t>
  </si>
  <si>
    <t>Developer/site promoter meetings (forums and/or one-to-one meetings)</t>
  </si>
  <si>
    <t>Risk number</t>
  </si>
  <si>
    <t>Risk title</t>
  </si>
  <si>
    <t>Risk description</t>
  </si>
  <si>
    <t xml:space="preserve">Impact type </t>
  </si>
  <si>
    <t>Unmitigated Probability (1-5)</t>
  </si>
  <si>
    <t>Unmitigated Impact (1-5)</t>
  </si>
  <si>
    <t>Unmitigated Risk Score</t>
  </si>
  <si>
    <t>Mitigation</t>
  </si>
  <si>
    <t>Mitigated Probability (1-5)</t>
  </si>
  <si>
    <t>Mitigated Impact (1-5)</t>
  </si>
  <si>
    <t>Mitigated Risk Score</t>
  </si>
  <si>
    <t>Delay?</t>
  </si>
  <si>
    <t>Cost?</t>
  </si>
  <si>
    <t>Quality?</t>
  </si>
  <si>
    <t>Risk Score</t>
  </si>
  <si>
    <t>Key</t>
  </si>
  <si>
    <t>Short summary of the risk</t>
  </si>
  <si>
    <t>Description of the risk and the specific impact that this will have on the successful progression of the Local Plan</t>
  </si>
  <si>
    <t>Y/N</t>
  </si>
  <si>
    <t>Description of action that will (or could) be taken to mitigate the risk, and how this will allow the probability and/or impact of the risk to be reduced</t>
  </si>
  <si>
    <t>Impact</t>
  </si>
  <si>
    <t>Low risk</t>
  </si>
  <si>
    <t>Moderate risk</t>
  </si>
  <si>
    <t>High risk</t>
  </si>
  <si>
    <t>Extremely high risk</t>
  </si>
  <si>
    <t>Probability</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4" formatCode="dd/mm/yyyy;@"/>
  </numFmts>
  <fonts count="32">
    <font>
      <sz val="11"/>
      <color theme="1"/>
      <name val="Arial"/>
      <family val="2"/>
    </font>
    <font>
      <sz val="11"/>
      <color theme="1"/>
      <name val="Calibri"/>
      <family val="2"/>
      <scheme val="minor"/>
    </font>
    <font>
      <sz val="11"/>
      <color theme="1"/>
      <name val="Calibri"/>
      <family val="2"/>
      <scheme val="minor"/>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b/>
      <sz val="11"/>
      <name val="Arial"/>
      <family val="2"/>
    </font>
    <font>
      <b/>
      <sz val="11"/>
      <color theme="0"/>
      <name val="Calibri"/>
      <family val="2"/>
      <scheme val="minor"/>
    </font>
    <font>
      <sz val="11"/>
      <color theme="0"/>
      <name val="Calibri"/>
      <family val="2"/>
      <scheme val="minor"/>
    </font>
    <font>
      <sz val="8"/>
      <name val="Arial"/>
      <family val="2"/>
    </font>
    <font>
      <b/>
      <sz val="12"/>
      <color theme="3"/>
      <name val="Arial"/>
      <family val="2"/>
    </font>
    <font>
      <b/>
      <sz val="12"/>
      <color theme="0"/>
      <name val="Arial"/>
      <family val="2"/>
    </font>
    <font>
      <sz val="12"/>
      <color theme="0"/>
      <name val="Calibri"/>
      <family val="2"/>
      <scheme val="minor"/>
    </font>
    <font>
      <sz val="12"/>
      <color theme="0"/>
      <name val="Arial"/>
      <family val="2"/>
    </font>
    <font>
      <b/>
      <sz val="12"/>
      <color theme="1"/>
      <name val="Arial"/>
      <family val="2"/>
    </font>
    <font>
      <sz val="12"/>
      <color theme="1"/>
      <name val="Arial"/>
      <family val="2"/>
    </font>
    <font>
      <sz val="12"/>
      <name val="Arial"/>
      <family val="2"/>
    </font>
    <font>
      <sz val="11"/>
      <color theme="1"/>
      <name val="Arial"/>
      <family val="2"/>
    </font>
    <font>
      <sz val="11"/>
      <color theme="0"/>
      <name val="Arial"/>
      <family val="2"/>
    </font>
    <font>
      <sz val="12"/>
      <color rgb="FF000000"/>
      <name val="Arial"/>
      <family val="2"/>
    </font>
    <font>
      <sz val="11"/>
      <color rgb="FFFF0000"/>
      <name val="Arial"/>
      <family val="2"/>
    </font>
    <font>
      <sz val="12"/>
      <color theme="4"/>
      <name val="Arial"/>
      <family val="2"/>
    </font>
    <font>
      <sz val="11"/>
      <name val="Arial"/>
      <family val="2"/>
    </font>
    <font>
      <sz val="11"/>
      <color theme="2"/>
      <name val="Arial"/>
      <family val="2"/>
    </font>
    <font>
      <b/>
      <sz val="11"/>
      <color rgb="FF000000"/>
      <name val="Arial"/>
    </font>
    <font>
      <sz val="11"/>
      <color rgb="FF000000"/>
      <name val="Arial"/>
    </font>
    <font>
      <vertAlign val="superscript"/>
      <sz val="11"/>
      <color theme="1"/>
      <name val="Arial"/>
      <family val="2"/>
    </font>
    <font>
      <i/>
      <sz val="11"/>
      <color theme="1"/>
      <name val="Arial"/>
      <family val="2"/>
    </font>
    <font>
      <vertAlign val="superscript"/>
      <sz val="11"/>
      <name val="Arial"/>
      <family val="2"/>
    </font>
    <font>
      <b/>
      <i/>
      <sz val="11"/>
      <color theme="1"/>
      <name val="Arial"/>
      <family val="2"/>
    </font>
  </fonts>
  <fills count="30">
    <fill>
      <patternFill patternType="none"/>
    </fill>
    <fill>
      <patternFill patternType="gray125"/>
    </fill>
    <fill>
      <patternFill patternType="solid">
        <fgColor theme="0"/>
        <bgColor indexed="64"/>
      </patternFill>
    </fill>
    <fill>
      <patternFill patternType="solid">
        <fgColor theme="2" tint="-9.9978637043366805E-2"/>
        <bgColor indexed="64"/>
      </patternFill>
    </fill>
    <fill>
      <patternFill patternType="solid">
        <fgColor rgb="FFFF0000"/>
        <bgColor indexed="64"/>
      </patternFill>
    </fill>
    <fill>
      <patternFill patternType="solid">
        <fgColor theme="4"/>
      </patternFill>
    </fill>
    <fill>
      <patternFill patternType="solid">
        <fgColor theme="6"/>
      </patternFill>
    </fill>
    <fill>
      <patternFill patternType="solid">
        <fgColor theme="7"/>
      </patternFill>
    </fill>
    <fill>
      <patternFill patternType="solid">
        <fgColor theme="8"/>
      </patternFill>
    </fill>
    <fill>
      <patternFill patternType="solid">
        <fgColor theme="1" tint="0.34998626667073579"/>
        <bgColor indexed="64"/>
      </patternFill>
    </fill>
    <fill>
      <patternFill patternType="solid">
        <fgColor theme="5"/>
      </patternFill>
    </fill>
    <fill>
      <patternFill patternType="solid">
        <fgColor theme="6" tint="0.79998168889431442"/>
        <bgColor indexed="65"/>
      </patternFill>
    </fill>
    <fill>
      <patternFill patternType="solid">
        <fgColor theme="7" tint="0.79998168889431442"/>
        <bgColor indexed="65"/>
      </patternFill>
    </fill>
    <fill>
      <patternFill patternType="solid">
        <fgColor theme="8" tint="0.79998168889431442"/>
        <bgColor indexed="65"/>
      </patternFill>
    </fill>
    <fill>
      <patternFill patternType="solid">
        <fgColor theme="4" tint="0.79998168889431442"/>
        <bgColor indexed="65"/>
      </patternFill>
    </fill>
    <fill>
      <patternFill patternType="solid">
        <fgColor theme="5" tint="0.79998168889431442"/>
        <bgColor indexed="65"/>
      </patternFill>
    </fill>
    <fill>
      <patternFill patternType="solid">
        <fgColor theme="9"/>
      </patternFill>
    </fill>
    <fill>
      <patternFill patternType="solid">
        <fgColor theme="9" tint="0.79998168889431442"/>
        <bgColor indexed="65"/>
      </patternFill>
    </fill>
    <fill>
      <patternFill patternType="solid">
        <fgColor theme="9"/>
        <bgColor indexed="64"/>
      </patternFill>
    </fill>
    <fill>
      <patternFill patternType="solid">
        <fgColor theme="4" tint="0.79998168889431442"/>
        <bgColor indexed="64"/>
      </patternFill>
    </fill>
    <fill>
      <patternFill patternType="solid">
        <fgColor rgb="FFFFC000"/>
        <bgColor indexed="64"/>
      </patternFill>
    </fill>
    <fill>
      <patternFill patternType="solid">
        <fgColor theme="1"/>
        <bgColor indexed="64"/>
      </patternFill>
    </fill>
    <fill>
      <patternFill patternType="solid">
        <fgColor theme="6" tint="0.79998168889431442"/>
        <bgColor indexed="64"/>
      </patternFill>
    </fill>
    <fill>
      <patternFill patternType="solid">
        <fgColor theme="3" tint="0.79998168889431442"/>
        <bgColor indexed="64"/>
      </patternFill>
    </fill>
    <fill>
      <patternFill patternType="solid">
        <fgColor theme="0" tint="-0.24994659260841701"/>
        <bgColor indexed="64"/>
      </patternFill>
    </fill>
    <fill>
      <patternFill patternType="solid">
        <fgColor rgb="FFE6D6ED"/>
        <bgColor rgb="FF000000"/>
      </patternFill>
    </fill>
    <fill>
      <patternFill patternType="solid">
        <fgColor theme="7"/>
        <bgColor indexed="64"/>
      </patternFill>
    </fill>
    <fill>
      <patternFill patternType="solid">
        <fgColor rgb="FF92D050"/>
        <bgColor indexed="64"/>
      </patternFill>
    </fill>
    <fill>
      <patternFill patternType="solid">
        <fgColor theme="4"/>
        <bgColor indexed="64"/>
      </patternFill>
    </fill>
    <fill>
      <patternFill patternType="solid">
        <fgColor theme="0" tint="-0.14999847407452621"/>
        <bgColor indexed="64"/>
      </patternFill>
    </fill>
  </fills>
  <borders count="33">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right style="thin">
        <color indexed="64"/>
      </right>
      <top style="thin">
        <color indexed="64"/>
      </top>
      <bottom style="thin">
        <color indexed="64"/>
      </bottom>
      <diagonal/>
    </border>
    <border>
      <left style="medium">
        <color indexed="64"/>
      </left>
      <right/>
      <top style="medium">
        <color indexed="64"/>
      </top>
      <bottom style="thin">
        <color indexed="64"/>
      </bottom>
      <diagonal/>
    </border>
    <border>
      <left/>
      <right/>
      <top style="medium">
        <color indexed="64"/>
      </top>
      <bottom style="thin">
        <color indexed="64"/>
      </bottom>
      <diagonal/>
    </border>
    <border>
      <left/>
      <right style="medium">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right style="medium">
        <color indexed="64"/>
      </right>
      <top style="thin">
        <color indexed="64"/>
      </top>
      <bottom style="thin">
        <color indexed="64"/>
      </bottom>
      <diagonal/>
    </border>
    <border>
      <left style="thin">
        <color indexed="64"/>
      </left>
      <right style="medium">
        <color indexed="64"/>
      </right>
      <top style="thin">
        <color indexed="64"/>
      </top>
      <bottom/>
      <diagonal/>
    </border>
    <border>
      <left style="thin">
        <color indexed="64"/>
      </left>
      <right style="thin">
        <color indexed="64"/>
      </right>
      <top style="thin">
        <color indexed="64"/>
      </top>
      <bottom/>
      <diagonal/>
    </border>
    <border>
      <left/>
      <right style="medium">
        <color indexed="64"/>
      </right>
      <top/>
      <bottom/>
      <diagonal/>
    </border>
    <border>
      <left/>
      <right style="thin">
        <color indexed="64"/>
      </right>
      <top/>
      <bottom/>
      <diagonal/>
    </border>
    <border>
      <left/>
      <right/>
      <top/>
      <bottom style="thin">
        <color theme="5"/>
      </bottom>
      <diagonal/>
    </border>
    <border>
      <left style="thin">
        <color indexed="64"/>
      </left>
      <right/>
      <top/>
      <bottom/>
      <diagonal/>
    </border>
    <border>
      <left/>
      <right/>
      <top style="thin">
        <color indexed="64"/>
      </top>
      <bottom/>
      <diagonal/>
    </border>
    <border>
      <left style="thin">
        <color auto="1"/>
      </left>
      <right style="thin">
        <color auto="1"/>
      </right>
      <top/>
      <bottom style="thin">
        <color auto="1"/>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medium">
        <color indexed="64"/>
      </right>
      <top/>
      <bottom style="thin">
        <color indexed="64"/>
      </bottom>
      <diagonal/>
    </border>
    <border>
      <left style="medium">
        <color indexed="64"/>
      </left>
      <right style="thin">
        <color indexed="64"/>
      </right>
      <top/>
      <bottom style="thin">
        <color indexed="64"/>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indexed="64"/>
      </right>
      <top style="medium">
        <color indexed="64"/>
      </top>
      <bottom style="medium">
        <color indexed="64"/>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style="thin">
        <color indexed="64"/>
      </bottom>
      <diagonal/>
    </border>
    <border>
      <left/>
      <right style="thin">
        <color indexed="64"/>
      </right>
      <top/>
      <bottom style="thin">
        <color indexed="64"/>
      </bottom>
      <diagonal/>
    </border>
    <border>
      <left/>
      <right/>
      <top/>
      <bottom style="thin">
        <color indexed="64"/>
      </bottom>
      <diagonal/>
    </border>
  </borders>
  <cellStyleXfs count="22">
    <xf numFmtId="0" fontId="0" fillId="0" borderId="0"/>
    <xf numFmtId="0" fontId="6" fillId="0" borderId="0" applyNumberFormat="0" applyFill="0" applyBorder="0" applyAlignment="0" applyProtection="0"/>
    <xf numFmtId="0" fontId="3" fillId="0" borderId="1" applyNumberFormat="0" applyFill="0" applyAlignment="0" applyProtection="0"/>
    <xf numFmtId="0" fontId="4" fillId="0" borderId="2" applyNumberFormat="0" applyFill="0" applyAlignment="0" applyProtection="0"/>
    <xf numFmtId="0" fontId="5" fillId="0" borderId="3" applyNumberFormat="0" applyFill="0" applyAlignment="0" applyProtection="0"/>
    <xf numFmtId="0" fontId="8" fillId="0" borderId="0" applyNumberFormat="0" applyFill="0" applyBorder="0" applyAlignment="0" applyProtection="0"/>
    <xf numFmtId="0" fontId="7" fillId="0" borderId="4" applyNumberFormat="0" applyFill="0" applyAlignment="0" applyProtection="0"/>
    <xf numFmtId="0" fontId="10" fillId="5" borderId="0" applyNumberFormat="0" applyBorder="0" applyAlignment="0" applyProtection="0"/>
    <xf numFmtId="0" fontId="10" fillId="6" borderId="0" applyNumberFormat="0" applyBorder="0" applyAlignment="0" applyProtection="0"/>
    <xf numFmtId="0" fontId="10" fillId="7" borderId="0" applyNumberFormat="0" applyBorder="0" applyAlignment="0" applyProtection="0"/>
    <xf numFmtId="0" fontId="10" fillId="8" borderId="0" applyNumberFormat="0" applyBorder="0" applyAlignment="0" applyProtection="0"/>
    <xf numFmtId="0" fontId="9" fillId="9" borderId="5" applyFont="0" applyBorder="0" applyAlignment="0">
      <alignment horizontal="center" vertical="center"/>
    </xf>
    <xf numFmtId="0" fontId="10" fillId="10" borderId="0" applyNumberFormat="0" applyBorder="0" applyAlignment="0" applyProtection="0"/>
    <xf numFmtId="0" fontId="2" fillId="11" borderId="0" applyNumberFormat="0" applyBorder="0" applyAlignment="0" applyProtection="0"/>
    <xf numFmtId="0" fontId="2" fillId="12" borderId="0" applyNumberFormat="0" applyBorder="0" applyAlignment="0" applyProtection="0"/>
    <xf numFmtId="0" fontId="2" fillId="13" borderId="0" applyNumberFormat="0" applyBorder="0" applyAlignment="0" applyProtection="0"/>
    <xf numFmtId="0" fontId="1" fillId="14" borderId="0" applyNumberFormat="0" applyBorder="0" applyAlignment="0" applyProtection="0"/>
    <xf numFmtId="0" fontId="1" fillId="15" borderId="0" applyNumberFormat="0" applyBorder="0" applyAlignment="0" applyProtection="0"/>
    <xf numFmtId="0" fontId="10" fillId="16" borderId="0" applyNumberFormat="0" applyBorder="0" applyAlignment="0" applyProtection="0"/>
    <xf numFmtId="0" fontId="1" fillId="17" borderId="0" applyNumberFormat="0" applyBorder="0" applyAlignment="0" applyProtection="0"/>
    <xf numFmtId="0" fontId="1" fillId="0" borderId="0"/>
    <xf numFmtId="0" fontId="15" fillId="8" borderId="0">
      <alignment horizontal="center" vertical="center" textRotation="90"/>
    </xf>
  </cellStyleXfs>
  <cellXfs count="138">
    <xf numFmtId="0" fontId="0" fillId="0" borderId="0" xfId="0"/>
    <xf numFmtId="0" fontId="17" fillId="0" borderId="0" xfId="0" applyFont="1"/>
    <xf numFmtId="0" fontId="15" fillId="9" borderId="13" xfId="11" applyFont="1" applyBorder="1" applyAlignment="1">
      <alignment horizontal="center" vertical="center"/>
    </xf>
    <xf numFmtId="0" fontId="17" fillId="0" borderId="0" xfId="0" applyFont="1" applyAlignment="1">
      <alignment vertical="center"/>
    </xf>
    <xf numFmtId="0" fontId="17" fillId="0" borderId="5" xfId="0" applyFont="1" applyBorder="1"/>
    <xf numFmtId="14" fontId="18" fillId="3" borderId="10" xfId="0" applyNumberFormat="1" applyFont="1" applyFill="1" applyBorder="1" applyAlignment="1">
      <alignment horizontal="center" vertical="center" textRotation="90"/>
    </xf>
    <xf numFmtId="14" fontId="18" fillId="3" borderId="5" xfId="0" applyNumberFormat="1" applyFont="1" applyFill="1" applyBorder="1" applyAlignment="1">
      <alignment horizontal="center" vertical="center" textRotation="90"/>
    </xf>
    <xf numFmtId="14" fontId="18" fillId="3" borderId="11" xfId="0" applyNumberFormat="1" applyFont="1" applyFill="1" applyBorder="1" applyAlignment="1">
      <alignment horizontal="center" vertical="center" textRotation="90"/>
    </xf>
    <xf numFmtId="14" fontId="18" fillId="3" borderId="12" xfId="0" applyNumberFormat="1" applyFont="1" applyFill="1" applyBorder="1" applyAlignment="1">
      <alignment horizontal="center" vertical="center" textRotation="90"/>
    </xf>
    <xf numFmtId="0" fontId="22" fillId="0" borderId="0" xfId="0" applyFont="1"/>
    <xf numFmtId="0" fontId="20" fillId="9" borderId="0" xfId="11" applyFont="1" applyBorder="1" applyAlignment="1"/>
    <xf numFmtId="0" fontId="20" fillId="9" borderId="5" xfId="11" applyFont="1" applyBorder="1" applyAlignment="1"/>
    <xf numFmtId="0" fontId="19" fillId="0" borderId="5" xfId="0" applyFont="1" applyBorder="1"/>
    <xf numFmtId="17" fontId="19" fillId="0" borderId="5" xfId="0" applyNumberFormat="1" applyFont="1" applyBorder="1" applyAlignment="1">
      <alignment horizontal="left"/>
    </xf>
    <xf numFmtId="0" fontId="19" fillId="18" borderId="5" xfId="0" applyFont="1" applyFill="1" applyBorder="1"/>
    <xf numFmtId="0" fontId="19" fillId="0" borderId="5" xfId="0" applyFont="1" applyBorder="1" applyAlignment="1">
      <alignment horizontal="left"/>
    </xf>
    <xf numFmtId="0" fontId="19" fillId="20" borderId="5" xfId="0" applyFont="1" applyFill="1" applyBorder="1"/>
    <xf numFmtId="0" fontId="19" fillId="0" borderId="0" xfId="0" applyFont="1"/>
    <xf numFmtId="0" fontId="20" fillId="7" borderId="0" xfId="9" applyFont="1"/>
    <xf numFmtId="0" fontId="19" fillId="0" borderId="5" xfId="14" applyFont="1" applyFill="1" applyBorder="1" applyAlignment="1">
      <alignment wrapText="1"/>
    </xf>
    <xf numFmtId="14" fontId="19" fillId="0" borderId="5" xfId="14" applyNumberFormat="1" applyFont="1" applyFill="1" applyBorder="1"/>
    <xf numFmtId="0" fontId="20" fillId="8" borderId="0" xfId="10" applyFont="1"/>
    <xf numFmtId="14" fontId="19" fillId="0" borderId="5" xfId="0" applyNumberFormat="1" applyFont="1" applyBorder="1"/>
    <xf numFmtId="0" fontId="20" fillId="6" borderId="0" xfId="8" applyFont="1"/>
    <xf numFmtId="14" fontId="19" fillId="0" borderId="5" xfId="0" applyNumberFormat="1" applyFont="1" applyBorder="1" applyAlignment="1">
      <alignment horizontal="center"/>
    </xf>
    <xf numFmtId="0" fontId="15" fillId="0" borderId="22" xfId="0" applyFont="1" applyBorder="1" applyAlignment="1">
      <alignment horizontal="center" vertical="center"/>
    </xf>
    <xf numFmtId="0" fontId="15" fillId="0" borderId="6" xfId="0" applyFont="1" applyBorder="1" applyAlignment="1">
      <alignment horizontal="center" vertical="center"/>
    </xf>
    <xf numFmtId="0" fontId="17" fillId="0" borderId="22" xfId="0" applyFont="1" applyBorder="1"/>
    <xf numFmtId="0" fontId="14" fillId="5" borderId="22" xfId="7" applyFont="1" applyBorder="1"/>
    <xf numFmtId="14" fontId="18" fillId="3" borderId="23" xfId="0" applyNumberFormat="1" applyFont="1" applyFill="1" applyBorder="1" applyAlignment="1">
      <alignment horizontal="center" vertical="center" textRotation="90"/>
    </xf>
    <xf numFmtId="14" fontId="18" fillId="3" borderId="24" xfId="0" applyNumberFormat="1" applyFont="1" applyFill="1" applyBorder="1" applyAlignment="1">
      <alignment horizontal="center" vertical="center" textRotation="90"/>
    </xf>
    <xf numFmtId="14" fontId="18" fillId="3" borderId="20" xfId="0" applyNumberFormat="1" applyFont="1" applyFill="1" applyBorder="1" applyAlignment="1">
      <alignment horizontal="center" vertical="center" textRotation="90"/>
    </xf>
    <xf numFmtId="0" fontId="25" fillId="4" borderId="5" xfId="0" applyFont="1" applyFill="1" applyBorder="1"/>
    <xf numFmtId="0" fontId="20" fillId="28" borderId="0" xfId="9" applyFont="1" applyFill="1"/>
    <xf numFmtId="0" fontId="20" fillId="28" borderId="0" xfId="10" applyFont="1" applyFill="1"/>
    <xf numFmtId="0" fontId="20" fillId="28" borderId="0" xfId="8" applyFont="1" applyFill="1"/>
    <xf numFmtId="0" fontId="0" fillId="0" borderId="0" xfId="0" applyAlignment="1">
      <alignment wrapText="1"/>
    </xf>
    <xf numFmtId="0" fontId="0" fillId="0" borderId="5" xfId="0" applyBorder="1"/>
    <xf numFmtId="0" fontId="29" fillId="0" borderId="5" xfId="0" applyFont="1" applyBorder="1"/>
    <xf numFmtId="0" fontId="29" fillId="0" borderId="5" xfId="0" applyFont="1" applyBorder="1" applyAlignment="1">
      <alignment horizontal="left" wrapText="1"/>
    </xf>
    <xf numFmtId="0" fontId="29" fillId="0" borderId="5" xfId="0" applyFont="1" applyBorder="1" applyAlignment="1">
      <alignment wrapText="1"/>
    </xf>
    <xf numFmtId="0" fontId="7" fillId="29" borderId="5" xfId="0" applyFont="1" applyFill="1" applyBorder="1"/>
    <xf numFmtId="0" fontId="0" fillId="0" borderId="29" xfId="0" applyBorder="1"/>
    <xf numFmtId="1" fontId="0" fillId="0" borderId="5" xfId="0" applyNumberFormat="1" applyBorder="1"/>
    <xf numFmtId="0" fontId="0" fillId="0" borderId="16" xfId="0" applyBorder="1"/>
    <xf numFmtId="0" fontId="0" fillId="0" borderId="31" xfId="0" applyBorder="1"/>
    <xf numFmtId="0" fontId="0" fillId="0" borderId="28" xfId="0" applyBorder="1"/>
    <xf numFmtId="0" fontId="0" fillId="0" borderId="19" xfId="0" applyBorder="1"/>
    <xf numFmtId="0" fontId="24" fillId="0" borderId="0" xfId="0" applyFont="1" applyAlignment="1">
      <alignment vertical="top" wrapText="1"/>
    </xf>
    <xf numFmtId="0" fontId="13" fillId="9" borderId="16" xfId="11" applyFont="1" applyBorder="1" applyAlignment="1" applyProtection="1">
      <alignment horizontal="center" vertical="center" wrapText="1"/>
      <protection locked="0"/>
    </xf>
    <xf numFmtId="0" fontId="13" fillId="9" borderId="14" xfId="11" applyFont="1" applyBorder="1" applyAlignment="1" applyProtection="1">
      <alignment horizontal="center" vertical="center" wrapText="1"/>
      <protection locked="0"/>
    </xf>
    <xf numFmtId="0" fontId="17" fillId="24" borderId="21" xfId="14" applyFont="1" applyFill="1" applyBorder="1" applyAlignment="1" applyProtection="1">
      <alignment wrapText="1"/>
      <protection locked="0"/>
    </xf>
    <xf numFmtId="0" fontId="17" fillId="27" borderId="22" xfId="14" applyFont="1" applyFill="1" applyBorder="1" applyProtection="1">
      <protection locked="0"/>
    </xf>
    <xf numFmtId="14" fontId="17" fillId="24" borderId="22" xfId="14" applyNumberFormat="1" applyFont="1" applyFill="1" applyBorder="1" applyAlignment="1" applyProtection="1">
      <alignment horizontal="left"/>
      <protection locked="0"/>
    </xf>
    <xf numFmtId="0" fontId="17" fillId="24" borderId="22" xfId="14" applyFont="1" applyFill="1" applyBorder="1" applyProtection="1">
      <protection locked="0"/>
    </xf>
    <xf numFmtId="0" fontId="17" fillId="24" borderId="22" xfId="14" applyFont="1" applyFill="1" applyBorder="1" applyAlignment="1" applyProtection="1">
      <alignment wrapText="1"/>
      <protection locked="0"/>
    </xf>
    <xf numFmtId="14" fontId="17" fillId="24" borderId="22" xfId="13" applyNumberFormat="1" applyFont="1" applyFill="1" applyBorder="1" applyAlignment="1" applyProtection="1">
      <alignment horizontal="left"/>
      <protection locked="0"/>
    </xf>
    <xf numFmtId="0" fontId="15" fillId="26" borderId="0" xfId="9" applyFont="1" applyFill="1" applyBorder="1" applyAlignment="1" applyProtection="1">
      <alignment horizontal="center" textRotation="90" wrapText="1"/>
      <protection locked="0"/>
    </xf>
    <xf numFmtId="0" fontId="17" fillId="12" borderId="21" xfId="14" applyFont="1" applyBorder="1" applyAlignment="1" applyProtection="1">
      <alignment wrapText="1"/>
      <protection locked="0"/>
    </xf>
    <xf numFmtId="14" fontId="17" fillId="12" borderId="22" xfId="14" applyNumberFormat="1" applyFont="1" applyBorder="1" applyAlignment="1" applyProtection="1">
      <alignment horizontal="left"/>
      <protection locked="0"/>
    </xf>
    <xf numFmtId="0" fontId="17" fillId="12" borderId="22" xfId="14" applyFont="1" applyBorder="1" applyProtection="1">
      <protection locked="0"/>
    </xf>
    <xf numFmtId="0" fontId="17" fillId="12" borderId="22" xfId="14" applyFont="1" applyBorder="1" applyAlignment="1" applyProtection="1">
      <alignment wrapText="1"/>
      <protection locked="0"/>
    </xf>
    <xf numFmtId="0" fontId="15" fillId="8" borderId="0" xfId="10" applyFont="1" applyBorder="1" applyAlignment="1" applyProtection="1">
      <alignment horizontal="center" vertical="center" textRotation="90"/>
      <protection locked="0"/>
    </xf>
    <xf numFmtId="0" fontId="17" fillId="15" borderId="21" xfId="17" applyFont="1" applyBorder="1" applyAlignment="1" applyProtection="1">
      <alignment wrapText="1"/>
      <protection locked="0"/>
    </xf>
    <xf numFmtId="0" fontId="17" fillId="20" borderId="22" xfId="0" applyFont="1" applyFill="1" applyBorder="1" applyProtection="1">
      <protection locked="0"/>
    </xf>
    <xf numFmtId="14" fontId="21" fillId="25" borderId="22" xfId="0" applyNumberFormat="1" applyFont="1" applyFill="1" applyBorder="1" applyAlignment="1" applyProtection="1">
      <alignment horizontal="left"/>
      <protection locked="0"/>
    </xf>
    <xf numFmtId="14" fontId="17" fillId="15" borderId="22" xfId="17" applyNumberFormat="1" applyFont="1" applyBorder="1" applyAlignment="1" applyProtection="1">
      <alignment horizontal="left"/>
      <protection locked="0"/>
    </xf>
    <xf numFmtId="0" fontId="17" fillId="15" borderId="22" xfId="17" applyFont="1" applyBorder="1" applyProtection="1">
      <protection locked="0"/>
    </xf>
    <xf numFmtId="0" fontId="17" fillId="4" borderId="22" xfId="0" applyFont="1" applyFill="1" applyBorder="1" applyProtection="1">
      <protection locked="0"/>
    </xf>
    <xf numFmtId="0" fontId="17" fillId="15" borderId="22" xfId="17" applyFont="1" applyBorder="1" applyAlignment="1" applyProtection="1">
      <alignment wrapText="1"/>
      <protection locked="0"/>
    </xf>
    <xf numFmtId="164" fontId="17" fillId="15" borderId="22" xfId="17" applyNumberFormat="1" applyFont="1" applyBorder="1" applyAlignment="1" applyProtection="1">
      <alignment horizontal="left"/>
      <protection locked="0"/>
    </xf>
    <xf numFmtId="0" fontId="17" fillId="13" borderId="21" xfId="15" applyFont="1" applyBorder="1" applyAlignment="1" applyProtection="1">
      <alignment vertical="center" wrapText="1"/>
      <protection locked="0"/>
    </xf>
    <xf numFmtId="0" fontId="17" fillId="13" borderId="22" xfId="15" applyFont="1" applyBorder="1" applyAlignment="1" applyProtection="1">
      <alignment horizontal="left" vertical="center"/>
      <protection locked="0"/>
    </xf>
    <xf numFmtId="14" fontId="17" fillId="13" borderId="22" xfId="15" applyNumberFormat="1" applyFont="1" applyBorder="1" applyAlignment="1" applyProtection="1">
      <alignment horizontal="left" vertical="center"/>
      <protection locked="0"/>
    </xf>
    <xf numFmtId="0" fontId="17" fillId="13" borderId="22" xfId="15" applyFont="1" applyBorder="1" applyAlignment="1" applyProtection="1">
      <alignment horizontal="left" vertical="center" wrapText="1" shrinkToFit="1"/>
      <protection locked="0"/>
    </xf>
    <xf numFmtId="0" fontId="17" fillId="13" borderId="21" xfId="15" applyFont="1" applyBorder="1" applyAlignment="1" applyProtection="1">
      <alignment wrapText="1"/>
      <protection locked="0"/>
    </xf>
    <xf numFmtId="0" fontId="17" fillId="13" borderId="21" xfId="15" applyFont="1" applyBorder="1" applyAlignment="1" applyProtection="1">
      <alignment horizontal="left" vertical="center" wrapText="1"/>
      <protection locked="0"/>
    </xf>
    <xf numFmtId="0" fontId="17" fillId="12" borderId="21" xfId="14" applyFont="1" applyBorder="1" applyAlignment="1" applyProtection="1">
      <alignment horizontal="left" vertical="center" wrapText="1"/>
      <protection locked="0"/>
    </xf>
    <xf numFmtId="0" fontId="17" fillId="12" borderId="22" xfId="14" applyFont="1" applyBorder="1" applyAlignment="1" applyProtection="1">
      <alignment horizontal="left" vertical="center"/>
      <protection locked="0"/>
    </xf>
    <xf numFmtId="14" fontId="17" fillId="12" borderId="22" xfId="14" applyNumberFormat="1" applyFont="1" applyBorder="1" applyAlignment="1" applyProtection="1">
      <alignment horizontal="left" vertical="center"/>
      <protection locked="0"/>
    </xf>
    <xf numFmtId="0" fontId="17" fillId="14" borderId="21" xfId="16" applyFont="1" applyBorder="1" applyAlignment="1" applyProtection="1">
      <alignment wrapText="1"/>
      <protection locked="0"/>
    </xf>
    <xf numFmtId="0" fontId="17" fillId="14" borderId="22" xfId="16" applyFont="1" applyBorder="1" applyAlignment="1" applyProtection="1">
      <alignment wrapText="1"/>
      <protection locked="0"/>
    </xf>
    <xf numFmtId="14" fontId="17" fillId="14" borderId="22" xfId="16" applyNumberFormat="1" applyFont="1" applyBorder="1" applyAlignment="1" applyProtection="1">
      <alignment horizontal="left" wrapText="1"/>
      <protection locked="0"/>
    </xf>
    <xf numFmtId="14" fontId="17" fillId="19" borderId="22" xfId="19" applyNumberFormat="1" applyFont="1" applyFill="1" applyBorder="1" applyAlignment="1" applyProtection="1">
      <alignment horizontal="left" vertical="center"/>
      <protection locked="0"/>
    </xf>
    <xf numFmtId="0" fontId="17" fillId="23" borderId="21" xfId="15" applyFont="1" applyFill="1" applyBorder="1" applyAlignment="1" applyProtection="1">
      <alignment wrapText="1"/>
      <protection locked="0"/>
    </xf>
    <xf numFmtId="0" fontId="17" fillId="23" borderId="22" xfId="15" applyFont="1" applyFill="1" applyBorder="1" applyAlignment="1" applyProtection="1">
      <alignment horizontal="left" vertical="center"/>
      <protection locked="0"/>
    </xf>
    <xf numFmtId="14" fontId="17" fillId="23" borderId="22" xfId="15" applyNumberFormat="1" applyFont="1" applyFill="1" applyBorder="1" applyAlignment="1" applyProtection="1">
      <alignment horizontal="left" vertical="center"/>
      <protection locked="0"/>
    </xf>
    <xf numFmtId="0" fontId="17" fillId="17" borderId="21" xfId="19" applyFont="1" applyBorder="1" applyAlignment="1" applyProtection="1">
      <alignment wrapText="1"/>
      <protection locked="0"/>
    </xf>
    <xf numFmtId="0" fontId="17" fillId="17" borderId="22" xfId="19" applyFont="1" applyBorder="1" applyAlignment="1" applyProtection="1">
      <alignment wrapText="1"/>
      <protection locked="0"/>
    </xf>
    <xf numFmtId="14" fontId="17" fillId="17" borderId="22" xfId="19" applyNumberFormat="1" applyFont="1" applyBorder="1" applyAlignment="1" applyProtection="1">
      <alignment horizontal="left" vertical="center"/>
      <protection locked="0"/>
    </xf>
    <xf numFmtId="0" fontId="17" fillId="17" borderId="22" xfId="19" applyFont="1" applyBorder="1" applyAlignment="1" applyProtection="1">
      <alignment horizontal="left" vertical="center"/>
      <protection locked="0"/>
    </xf>
    <xf numFmtId="0" fontId="17" fillId="17" borderId="22" xfId="19" applyFont="1" applyBorder="1" applyAlignment="1" applyProtection="1">
      <alignment horizontal="left" vertical="center" wrapText="1"/>
      <protection locked="0"/>
    </xf>
    <xf numFmtId="0" fontId="15" fillId="6" borderId="0" xfId="8" applyFont="1" applyBorder="1" applyAlignment="1" applyProtection="1">
      <alignment horizontal="center" vertical="center" textRotation="90" wrapText="1"/>
      <protection locked="0"/>
    </xf>
    <xf numFmtId="0" fontId="17" fillId="22" borderId="21" xfId="15" applyFont="1" applyFill="1" applyBorder="1" applyAlignment="1" applyProtection="1">
      <alignment horizontal="left" vertical="center" wrapText="1"/>
      <protection locked="0"/>
    </xf>
    <xf numFmtId="0" fontId="17" fillId="22" borderId="22" xfId="15" applyFont="1" applyFill="1" applyBorder="1" applyAlignment="1" applyProtection="1">
      <alignment horizontal="left" vertical="center"/>
      <protection locked="0"/>
    </xf>
    <xf numFmtId="14" fontId="17" fillId="22" borderId="22" xfId="15" applyNumberFormat="1" applyFont="1" applyFill="1" applyBorder="1" applyAlignment="1" applyProtection="1">
      <alignment horizontal="left" vertical="center"/>
      <protection locked="0"/>
    </xf>
    <xf numFmtId="0" fontId="17" fillId="11" borderId="21" xfId="13" applyFont="1" applyBorder="1" applyAlignment="1" applyProtection="1">
      <alignment wrapText="1"/>
      <protection locked="0"/>
    </xf>
    <xf numFmtId="0" fontId="17" fillId="11" borderId="22" xfId="13" applyFont="1" applyBorder="1" applyProtection="1">
      <protection locked="0"/>
    </xf>
    <xf numFmtId="14" fontId="17" fillId="11" borderId="22" xfId="13" applyNumberFormat="1" applyFont="1" applyBorder="1" applyAlignment="1" applyProtection="1">
      <alignment horizontal="left"/>
      <protection locked="0"/>
    </xf>
    <xf numFmtId="0" fontId="17" fillId="0" borderId="0" xfId="0" applyFont="1" applyProtection="1">
      <protection locked="0"/>
    </xf>
    <xf numFmtId="0" fontId="17" fillId="0" borderId="0" xfId="0" applyFont="1" applyAlignment="1" applyProtection="1">
      <alignment wrapText="1"/>
      <protection locked="0"/>
    </xf>
    <xf numFmtId="0" fontId="7" fillId="0" borderId="0" xfId="0" applyFont="1"/>
    <xf numFmtId="0" fontId="31" fillId="0" borderId="0" xfId="0" applyFont="1"/>
    <xf numFmtId="0" fontId="14" fillId="0" borderId="22" xfId="7" applyFont="1" applyFill="1" applyBorder="1"/>
    <xf numFmtId="17" fontId="16" fillId="0" borderId="7" xfId="0" applyNumberFormat="1" applyFont="1" applyBorder="1" applyAlignment="1">
      <alignment horizontal="center"/>
    </xf>
    <xf numFmtId="0" fontId="16" fillId="0" borderId="8" xfId="0" applyFont="1" applyBorder="1" applyAlignment="1">
      <alignment horizontal="center"/>
    </xf>
    <xf numFmtId="0" fontId="12" fillId="2" borderId="0" xfId="2" applyFont="1" applyFill="1" applyBorder="1" applyAlignment="1" applyProtection="1">
      <alignment horizontal="left" vertical="top"/>
      <protection locked="0"/>
    </xf>
    <xf numFmtId="0" fontId="12" fillId="2" borderId="15" xfId="2" applyFont="1" applyFill="1" applyBorder="1" applyAlignment="1" applyProtection="1">
      <alignment horizontal="left" vertical="top"/>
      <protection locked="0"/>
    </xf>
    <xf numFmtId="0" fontId="16" fillId="0" borderId="9" xfId="0" applyFont="1" applyBorder="1" applyAlignment="1">
      <alignment horizontal="center"/>
    </xf>
    <xf numFmtId="0" fontId="15" fillId="16" borderId="0" xfId="18" applyFont="1" applyBorder="1" applyAlignment="1" applyProtection="1">
      <alignment horizontal="center" vertical="center" textRotation="90" wrapText="1"/>
      <protection locked="0"/>
    </xf>
    <xf numFmtId="0" fontId="15" fillId="6" borderId="0" xfId="8" applyFont="1" applyBorder="1" applyAlignment="1" applyProtection="1">
      <alignment horizontal="center" vertical="center" textRotation="90" wrapText="1"/>
      <protection locked="0"/>
    </xf>
    <xf numFmtId="0" fontId="15" fillId="6" borderId="17" xfId="8" applyFont="1" applyBorder="1" applyAlignment="1" applyProtection="1">
      <alignment horizontal="center" vertical="center" textRotation="90" wrapText="1"/>
      <protection locked="0"/>
    </xf>
    <xf numFmtId="17" fontId="16" fillId="0" borderId="25" xfId="0" applyNumberFormat="1" applyFont="1" applyBorder="1" applyAlignment="1">
      <alignment horizontal="center"/>
    </xf>
    <xf numFmtId="0" fontId="16" fillId="0" borderId="26" xfId="0" applyFont="1" applyBorder="1" applyAlignment="1">
      <alignment horizontal="center"/>
    </xf>
    <xf numFmtId="0" fontId="16" fillId="0" borderId="27" xfId="0" applyFont="1" applyBorder="1" applyAlignment="1">
      <alignment horizontal="center"/>
    </xf>
    <xf numFmtId="0" fontId="15" fillId="21" borderId="18" xfId="9" applyFont="1" applyFill="1" applyBorder="1" applyAlignment="1" applyProtection="1">
      <alignment horizontal="center" textRotation="90" wrapText="1"/>
      <protection locked="0"/>
    </xf>
    <xf numFmtId="0" fontId="15" fillId="21" borderId="0" xfId="9" applyFont="1" applyFill="1" applyBorder="1" applyAlignment="1" applyProtection="1">
      <alignment horizontal="center" textRotation="90" wrapText="1"/>
      <protection locked="0"/>
    </xf>
    <xf numFmtId="0" fontId="15" fillId="8" borderId="19" xfId="10" applyFont="1" applyBorder="1" applyAlignment="1" applyProtection="1">
      <alignment horizontal="center" vertical="center" textRotation="90"/>
      <protection locked="0"/>
    </xf>
    <xf numFmtId="0" fontId="15" fillId="8" borderId="0" xfId="10" applyFont="1" applyBorder="1" applyAlignment="1" applyProtection="1">
      <alignment horizontal="center" vertical="center" textRotation="90"/>
      <protection locked="0"/>
    </xf>
    <xf numFmtId="0" fontId="15" fillId="7" borderId="0" xfId="9" applyFont="1" applyBorder="1" applyAlignment="1" applyProtection="1">
      <alignment horizontal="center" vertical="center" textRotation="90" wrapText="1"/>
      <protection locked="0"/>
    </xf>
    <xf numFmtId="0" fontId="15" fillId="10" borderId="0" xfId="12" applyFont="1" applyBorder="1" applyAlignment="1" applyProtection="1">
      <alignment horizontal="center" vertical="center" textRotation="90"/>
      <protection locked="0"/>
    </xf>
    <xf numFmtId="0" fontId="15" fillId="10" borderId="17" xfId="12" applyFont="1" applyBorder="1" applyAlignment="1" applyProtection="1">
      <alignment horizontal="center" vertical="center" textRotation="90"/>
      <protection locked="0"/>
    </xf>
    <xf numFmtId="0" fontId="10" fillId="7" borderId="0" xfId="9" applyBorder="1" applyAlignment="1" applyProtection="1">
      <alignment horizontal="center" vertical="center" textRotation="90" wrapText="1"/>
      <protection locked="0"/>
    </xf>
    <xf numFmtId="0" fontId="15" fillId="5" borderId="0" xfId="7" applyFont="1" applyAlignment="1" applyProtection="1">
      <alignment horizontal="center" vertical="center" textRotation="90" wrapText="1"/>
      <protection locked="0"/>
    </xf>
    <xf numFmtId="17" fontId="16" fillId="0" borderId="8" xfId="0" applyNumberFormat="1" applyFont="1" applyBorder="1" applyAlignment="1">
      <alignment horizontal="center"/>
    </xf>
    <xf numFmtId="17" fontId="16" fillId="0" borderId="9" xfId="0" applyNumberFormat="1" applyFont="1" applyBorder="1" applyAlignment="1">
      <alignment horizontal="center"/>
    </xf>
    <xf numFmtId="0" fontId="7" fillId="29" borderId="5" xfId="0" applyFont="1" applyFill="1" applyBorder="1" applyAlignment="1">
      <alignment horizontal="left" vertical="center" wrapText="1"/>
    </xf>
    <xf numFmtId="0" fontId="7" fillId="0" borderId="5" xfId="0" applyFont="1" applyBorder="1" applyAlignment="1">
      <alignment horizontal="center"/>
    </xf>
    <xf numFmtId="0" fontId="7" fillId="0" borderId="28" xfId="0" applyFont="1" applyBorder="1" applyAlignment="1">
      <alignment horizontal="center" vertical="center" textRotation="90"/>
    </xf>
    <xf numFmtId="0" fontId="7" fillId="0" borderId="18" xfId="0" applyFont="1" applyBorder="1" applyAlignment="1">
      <alignment horizontal="center" vertical="center" textRotation="90"/>
    </xf>
    <xf numFmtId="0" fontId="7" fillId="0" borderId="30" xfId="0" applyFont="1" applyBorder="1" applyAlignment="1">
      <alignment horizontal="center" vertical="center" textRotation="90"/>
    </xf>
    <xf numFmtId="0" fontId="7" fillId="0" borderId="30" xfId="0" applyFont="1" applyBorder="1" applyAlignment="1">
      <alignment horizontal="center"/>
    </xf>
    <xf numFmtId="0" fontId="7" fillId="0" borderId="32" xfId="0" applyFont="1" applyBorder="1" applyAlignment="1">
      <alignment horizontal="center"/>
    </xf>
    <xf numFmtId="0" fontId="7" fillId="0" borderId="31" xfId="0" applyFont="1" applyBorder="1" applyAlignment="1">
      <alignment horizontal="center"/>
    </xf>
    <xf numFmtId="0" fontId="7" fillId="0" borderId="21" xfId="0" applyFont="1" applyBorder="1" applyAlignment="1">
      <alignment horizontal="center"/>
    </xf>
    <xf numFmtId="0" fontId="7" fillId="0" borderId="22" xfId="0" applyFont="1" applyBorder="1" applyAlignment="1">
      <alignment horizontal="center"/>
    </xf>
    <xf numFmtId="0" fontId="7" fillId="0" borderId="6" xfId="0" applyFont="1" applyBorder="1" applyAlignment="1">
      <alignment horizontal="center"/>
    </xf>
    <xf numFmtId="0" fontId="27" fillId="0" borderId="0" xfId="0" applyFont="1" applyAlignment="1">
      <alignment vertical="top" wrapText="1"/>
    </xf>
  </cellXfs>
  <cellStyles count="22">
    <cellStyle name="20% - Accent1" xfId="16" builtinId="30"/>
    <cellStyle name="20% - Accent2" xfId="17" builtinId="34"/>
    <cellStyle name="20% - Accent3" xfId="13" builtinId="38"/>
    <cellStyle name="20% - Accent4" xfId="14" builtinId="42"/>
    <cellStyle name="20% - Accent5" xfId="15" builtinId="46"/>
    <cellStyle name="20% - Accent6" xfId="19" builtinId="50"/>
    <cellStyle name="Accent1" xfId="7" builtinId="29"/>
    <cellStyle name="Accent2" xfId="12" builtinId="33"/>
    <cellStyle name="Accent3" xfId="8" builtinId="37"/>
    <cellStyle name="Accent4" xfId="9" builtinId="41"/>
    <cellStyle name="Accent5" xfId="10" builtinId="45"/>
    <cellStyle name="Accent6" xfId="18" builtinId="49"/>
    <cellStyle name="Heading 1" xfId="2" builtinId="16" customBuiltin="1"/>
    <cellStyle name="Heading 2" xfId="3" builtinId="17" customBuiltin="1"/>
    <cellStyle name="Heading 3" xfId="4" builtinId="18" customBuiltin="1"/>
    <cellStyle name="Heading 4" xfId="5" builtinId="19" customBuiltin="1"/>
    <cellStyle name="Normal" xfId="0" builtinId="0" customBuiltin="1"/>
    <cellStyle name="Normal 2" xfId="20" xr:uid="{092309CE-828C-4608-ADB3-FCA8C991CB4C}"/>
    <cellStyle name="Style 1" xfId="11" xr:uid="{958EC97B-67DE-4229-81CA-E39C90665121}"/>
    <cellStyle name="Style 2" xfId="21" xr:uid="{AC00D68C-55E9-469C-A7C6-4B41B104E1BC}"/>
    <cellStyle name="Title" xfId="1" builtinId="15" customBuiltin="1"/>
    <cellStyle name="Total" xfId="6" builtinId="25" customBuiltin="1"/>
  </cellStyles>
  <dxfs count="180">
    <dxf>
      <fill>
        <patternFill>
          <bgColor rgb="FF92D050"/>
        </patternFill>
      </fill>
    </dxf>
    <dxf>
      <fill>
        <patternFill>
          <bgColor rgb="FFFFFF00"/>
        </patternFill>
      </fill>
    </dxf>
    <dxf>
      <fill>
        <patternFill>
          <bgColor rgb="FFFFC000"/>
        </patternFill>
      </fill>
    </dxf>
    <dxf>
      <fill>
        <patternFill>
          <bgColor rgb="FFFF0000"/>
        </patternFill>
      </fill>
    </dxf>
    <dxf>
      <fill>
        <patternFill>
          <bgColor rgb="FF92D050"/>
        </patternFill>
      </fill>
    </dxf>
    <dxf>
      <fill>
        <patternFill>
          <bgColor rgb="FFFFFF00"/>
        </patternFill>
      </fill>
    </dxf>
    <dxf>
      <fill>
        <patternFill>
          <bgColor rgb="FFFFC000"/>
        </patternFill>
      </fill>
    </dxf>
    <dxf>
      <fill>
        <patternFill>
          <bgColor rgb="FFFF0000"/>
        </patternFill>
      </fill>
    </dxf>
    <dxf>
      <font>
        <color theme="5"/>
      </font>
      <fill>
        <patternFill>
          <bgColor theme="5"/>
        </patternFill>
      </fill>
    </dxf>
    <dxf>
      <font>
        <color rgb="FF28AAE1"/>
      </font>
      <fill>
        <patternFill>
          <bgColor rgb="FF28AAE1"/>
        </patternFill>
      </fill>
    </dxf>
    <dxf>
      <font>
        <color theme="4"/>
      </font>
      <fill>
        <patternFill>
          <bgColor theme="4"/>
        </patternFill>
      </fill>
    </dxf>
    <dxf>
      <font>
        <color rgb="FF28AAE1"/>
      </font>
      <fill>
        <patternFill>
          <bgColor rgb="FF28AAE1"/>
        </patternFill>
      </fill>
    </dxf>
    <dxf>
      <font>
        <color rgb="FF28AAE1"/>
      </font>
      <fill>
        <patternFill>
          <bgColor rgb="FF28AAE1"/>
        </patternFill>
      </fill>
    </dxf>
    <dxf>
      <font>
        <color theme="7" tint="0.79998168889431442"/>
      </font>
      <fill>
        <patternFill>
          <bgColor theme="7" tint="0.79998168889431442"/>
        </patternFill>
      </fill>
    </dxf>
    <dxf>
      <font>
        <color rgb="FF28AAE1"/>
      </font>
      <fill>
        <patternFill>
          <bgColor rgb="FF28AAE1"/>
        </patternFill>
      </fill>
    </dxf>
    <dxf>
      <font>
        <color rgb="FF28AAE1"/>
      </font>
      <fill>
        <patternFill>
          <bgColor rgb="FF28AAE1"/>
        </patternFill>
      </fill>
    </dxf>
    <dxf>
      <font>
        <color rgb="FF0070C0"/>
      </font>
      <fill>
        <patternFill>
          <bgColor rgb="FF0070C0"/>
        </patternFill>
      </fill>
    </dxf>
    <dxf>
      <font>
        <color theme="7"/>
      </font>
      <fill>
        <patternFill>
          <fgColor theme="7"/>
          <bgColor theme="7"/>
        </patternFill>
      </fill>
      <border>
        <left style="thin">
          <color theme="7"/>
        </left>
        <right style="thin">
          <color theme="7"/>
        </right>
        <top style="thin">
          <color theme="7"/>
        </top>
        <bottom style="thin">
          <color theme="7"/>
        </bottom>
      </border>
    </dxf>
    <dxf>
      <font>
        <color theme="6"/>
      </font>
      <fill>
        <patternFill>
          <fgColor theme="9"/>
          <bgColor theme="6"/>
        </patternFill>
      </fill>
      <border>
        <left/>
        <right/>
        <top/>
        <bottom/>
      </border>
    </dxf>
    <dxf>
      <font>
        <color theme="5" tint="0.79998168889431442"/>
      </font>
      <fill>
        <patternFill>
          <fgColor theme="7" tint="0.59996337778862885"/>
          <bgColor theme="5" tint="0.79998168889431442"/>
        </patternFill>
      </fill>
      <border>
        <left/>
        <right/>
        <top/>
        <bottom/>
      </border>
    </dxf>
    <dxf>
      <font>
        <color theme="9"/>
      </font>
      <fill>
        <patternFill>
          <fgColor theme="9"/>
          <bgColor theme="9"/>
        </patternFill>
      </fill>
      <border>
        <left/>
        <right/>
        <top/>
        <bottom/>
      </border>
    </dxf>
    <dxf>
      <font>
        <color theme="5" tint="0.79998168889431442"/>
      </font>
      <fill>
        <patternFill>
          <fgColor theme="7" tint="0.59996337778862885"/>
          <bgColor theme="5" tint="0.79998168889431442"/>
        </patternFill>
      </fill>
      <border>
        <left/>
        <right/>
        <top/>
        <bottom/>
      </border>
    </dxf>
    <dxf>
      <font>
        <color theme="4"/>
      </font>
      <fill>
        <patternFill>
          <fgColor theme="7" tint="0.59996337778862885"/>
          <bgColor theme="4"/>
        </patternFill>
      </fill>
      <border>
        <left/>
        <right/>
        <top/>
        <bottom/>
      </border>
    </dxf>
    <dxf>
      <font>
        <color theme="5" tint="0.79998168889431442"/>
      </font>
      <fill>
        <patternFill>
          <fgColor theme="7" tint="0.59996337778862885"/>
          <bgColor theme="5" tint="0.79998168889431442"/>
        </patternFill>
      </fill>
      <border>
        <left/>
        <right/>
        <top/>
        <bottom/>
      </border>
    </dxf>
    <dxf>
      <font>
        <color theme="7"/>
      </font>
      <fill>
        <patternFill>
          <fgColor theme="7" tint="0.59996337778862885"/>
          <bgColor theme="7"/>
        </patternFill>
      </fill>
      <border>
        <left/>
        <right/>
        <top/>
        <bottom/>
      </border>
    </dxf>
    <dxf>
      <font>
        <color theme="9"/>
      </font>
      <fill>
        <patternFill>
          <bgColor theme="9"/>
        </patternFill>
      </fill>
    </dxf>
    <dxf>
      <font>
        <color theme="8"/>
      </font>
      <fill>
        <patternFill>
          <fgColor theme="7" tint="0.59996337778862885"/>
          <bgColor theme="8"/>
        </patternFill>
      </fill>
      <border>
        <left/>
        <right/>
        <top/>
        <bottom/>
      </border>
    </dxf>
    <dxf>
      <font>
        <color rgb="FF28AAE1"/>
      </font>
      <fill>
        <patternFill>
          <bgColor rgb="FF28AAE1"/>
        </patternFill>
      </fill>
    </dxf>
    <dxf>
      <font>
        <color rgb="FF28AAE1"/>
      </font>
      <fill>
        <patternFill>
          <bgColor rgb="FF28AAE1"/>
        </patternFill>
      </fill>
    </dxf>
    <dxf>
      <font>
        <color theme="9"/>
      </font>
      <fill>
        <patternFill>
          <bgColor theme="9"/>
        </patternFill>
      </fill>
    </dxf>
    <dxf>
      <font>
        <color theme="7"/>
      </font>
      <fill>
        <patternFill>
          <bgColor theme="7"/>
        </patternFill>
      </fill>
    </dxf>
    <dxf>
      <font>
        <color rgb="FF28AAE1"/>
      </font>
      <fill>
        <patternFill>
          <bgColor rgb="FF28AAE1"/>
        </patternFill>
      </fill>
    </dxf>
    <dxf>
      <font>
        <color theme="9"/>
      </font>
      <fill>
        <patternFill>
          <bgColor theme="9"/>
        </patternFill>
      </fill>
    </dxf>
    <dxf>
      <font>
        <color theme="7"/>
      </font>
      <fill>
        <patternFill>
          <bgColor theme="7"/>
        </patternFill>
      </fill>
    </dxf>
    <dxf>
      <font>
        <color rgb="FF28AAE1"/>
      </font>
      <fill>
        <patternFill>
          <bgColor rgb="FF28AAE1"/>
        </patternFill>
      </fill>
    </dxf>
    <dxf>
      <font>
        <color rgb="FF28AAE1"/>
      </font>
      <fill>
        <patternFill>
          <bgColor rgb="FF28AAE1"/>
        </patternFill>
      </fill>
    </dxf>
    <dxf>
      <font>
        <color theme="9"/>
      </font>
      <fill>
        <patternFill>
          <bgColor theme="9"/>
        </patternFill>
      </fill>
    </dxf>
    <dxf>
      <font>
        <color theme="7"/>
      </font>
      <fill>
        <patternFill>
          <bgColor theme="7"/>
        </patternFill>
      </fill>
    </dxf>
    <dxf>
      <font>
        <color theme="9"/>
      </font>
      <fill>
        <patternFill>
          <bgColor theme="9"/>
        </patternFill>
      </fill>
    </dxf>
    <dxf>
      <font>
        <color rgb="FF28AAE1"/>
      </font>
      <fill>
        <patternFill>
          <bgColor rgb="FF28AAE1"/>
        </patternFill>
      </fill>
    </dxf>
    <dxf>
      <font>
        <color theme="7"/>
      </font>
      <fill>
        <patternFill>
          <bgColor theme="7"/>
        </patternFill>
      </fill>
    </dxf>
    <dxf>
      <font>
        <color rgb="FF28AAE1"/>
      </font>
      <fill>
        <patternFill>
          <bgColor rgb="FF28AAE1"/>
        </patternFill>
      </fill>
    </dxf>
    <dxf>
      <font>
        <color theme="9"/>
      </font>
      <fill>
        <patternFill>
          <bgColor theme="9"/>
        </patternFill>
      </fill>
    </dxf>
    <dxf>
      <font>
        <color theme="7"/>
      </font>
      <fill>
        <patternFill>
          <bgColor theme="7"/>
        </patternFill>
      </fill>
    </dxf>
    <dxf>
      <font>
        <color rgb="FF28AAE1"/>
      </font>
      <fill>
        <patternFill>
          <bgColor rgb="FF28AAE1"/>
        </patternFill>
      </fill>
    </dxf>
    <dxf>
      <font>
        <color theme="7"/>
      </font>
      <fill>
        <patternFill>
          <bgColor theme="7"/>
        </patternFill>
      </fill>
    </dxf>
    <dxf>
      <font>
        <color theme="9"/>
      </font>
      <fill>
        <patternFill>
          <bgColor theme="9"/>
        </patternFill>
      </fill>
    </dxf>
    <dxf>
      <font>
        <color rgb="FF28AAE1"/>
      </font>
      <fill>
        <patternFill>
          <bgColor rgb="FF28AAE1"/>
        </patternFill>
      </fill>
    </dxf>
    <dxf>
      <font>
        <color theme="7"/>
      </font>
      <fill>
        <patternFill>
          <bgColor theme="7"/>
        </patternFill>
      </fill>
    </dxf>
    <dxf>
      <font>
        <color theme="5"/>
      </font>
      <fill>
        <patternFill>
          <fgColor theme="7" tint="0.59996337778862885"/>
          <bgColor theme="5"/>
        </patternFill>
      </fill>
      <border>
        <left/>
        <right/>
        <top/>
        <bottom/>
      </border>
    </dxf>
    <dxf>
      <font>
        <color rgb="FF28AAE1"/>
      </font>
      <fill>
        <patternFill>
          <bgColor rgb="FF28AAE1"/>
        </patternFill>
      </fill>
    </dxf>
    <dxf>
      <font>
        <color theme="7"/>
      </font>
      <fill>
        <patternFill>
          <bgColor theme="7"/>
        </patternFill>
      </fill>
    </dxf>
    <dxf>
      <font>
        <color theme="9"/>
      </font>
      <fill>
        <patternFill>
          <bgColor theme="9"/>
        </patternFill>
      </fill>
    </dxf>
    <dxf>
      <font>
        <color rgb="FF28AAE1"/>
      </font>
      <fill>
        <patternFill>
          <bgColor rgb="FF28AAE1"/>
        </patternFill>
      </fill>
    </dxf>
    <dxf>
      <font>
        <color theme="7"/>
      </font>
      <fill>
        <patternFill>
          <bgColor theme="7"/>
        </patternFill>
      </fill>
    </dxf>
    <dxf>
      <font>
        <color rgb="FF28AAE1"/>
      </font>
      <fill>
        <patternFill>
          <bgColor rgb="FF28AAE1"/>
        </patternFill>
      </fill>
    </dxf>
    <dxf>
      <font>
        <color theme="7"/>
      </font>
      <fill>
        <patternFill>
          <fgColor theme="7"/>
          <bgColor theme="7"/>
        </patternFill>
      </fill>
      <border>
        <left/>
        <right/>
        <top/>
        <bottom/>
      </border>
    </dxf>
    <dxf>
      <font>
        <color rgb="FF28AAE1"/>
      </font>
      <fill>
        <patternFill>
          <bgColor rgb="FF28AAE1"/>
        </patternFill>
      </fill>
    </dxf>
    <dxf>
      <font>
        <color theme="7"/>
      </font>
      <fill>
        <patternFill>
          <bgColor theme="7"/>
        </patternFill>
      </fill>
    </dxf>
    <dxf>
      <font>
        <color theme="9"/>
      </font>
      <fill>
        <patternFill>
          <bgColor theme="9"/>
        </patternFill>
      </fill>
    </dxf>
    <dxf>
      <font>
        <color rgb="FF28AAE1"/>
      </font>
      <fill>
        <patternFill>
          <bgColor rgb="FF28AAE1"/>
        </patternFill>
      </fill>
    </dxf>
    <dxf>
      <font>
        <color theme="9"/>
      </font>
      <fill>
        <patternFill>
          <bgColor theme="9"/>
        </patternFill>
      </fill>
    </dxf>
    <dxf>
      <font>
        <color theme="0" tint="-0.14996795556505021"/>
      </font>
      <fill>
        <patternFill>
          <fgColor theme="7"/>
          <bgColor theme="0" tint="-0.14996795556505021"/>
        </patternFill>
      </fill>
      <border>
        <left/>
        <right/>
        <top/>
        <bottom/>
      </border>
    </dxf>
    <dxf>
      <font>
        <color rgb="FF28AAE1"/>
      </font>
      <fill>
        <patternFill>
          <bgColor rgb="FF28AAE1"/>
        </patternFill>
      </fill>
    </dxf>
    <dxf>
      <font>
        <color theme="7"/>
      </font>
      <fill>
        <patternFill>
          <bgColor theme="7"/>
        </patternFill>
      </fill>
    </dxf>
    <dxf>
      <font>
        <color rgb="FF28AAE1"/>
      </font>
      <fill>
        <patternFill>
          <bgColor rgb="FF28AAE1"/>
        </patternFill>
      </fill>
    </dxf>
    <dxf>
      <font>
        <color rgb="FF28AAE1"/>
      </font>
      <fill>
        <patternFill>
          <bgColor rgb="FF28AAE1"/>
        </patternFill>
      </fill>
    </dxf>
    <dxf>
      <font>
        <color theme="9"/>
      </font>
      <fill>
        <patternFill>
          <bgColor theme="9"/>
        </patternFill>
      </fill>
    </dxf>
    <dxf>
      <font>
        <color theme="9"/>
      </font>
      <fill>
        <patternFill>
          <bgColor theme="9"/>
        </patternFill>
      </fill>
    </dxf>
    <dxf>
      <font>
        <color rgb="FF28AAE1"/>
      </font>
      <fill>
        <patternFill>
          <bgColor rgb="FF28AAE1"/>
        </patternFill>
      </fill>
    </dxf>
    <dxf>
      <font>
        <color theme="1"/>
      </font>
      <fill>
        <patternFill>
          <fgColor theme="1"/>
          <bgColor theme="1"/>
        </patternFill>
      </fill>
      <border>
        <left/>
        <right/>
        <top/>
        <bottom/>
      </border>
    </dxf>
    <dxf>
      <font>
        <color theme="7"/>
      </font>
      <fill>
        <patternFill>
          <bgColor theme="7"/>
        </patternFill>
      </fill>
    </dxf>
    <dxf>
      <font>
        <color theme="7"/>
      </font>
      <fill>
        <patternFill>
          <bgColor theme="7"/>
        </patternFill>
      </fill>
    </dxf>
    <dxf>
      <font>
        <color rgb="FF28AAE1"/>
      </font>
      <fill>
        <patternFill>
          <bgColor rgb="FF28AAE1"/>
        </patternFill>
      </fill>
    </dxf>
    <dxf>
      <font>
        <color theme="9"/>
      </font>
      <fill>
        <patternFill>
          <bgColor theme="9"/>
        </patternFill>
      </fill>
    </dxf>
    <dxf>
      <font>
        <color theme="1"/>
      </font>
      <fill>
        <patternFill>
          <fgColor theme="7"/>
          <bgColor theme="1"/>
        </patternFill>
      </fill>
      <border>
        <left/>
        <right/>
        <top/>
        <bottom/>
      </border>
    </dxf>
    <dxf>
      <font>
        <color rgb="FF28AAE1"/>
      </font>
      <fill>
        <patternFill>
          <bgColor rgb="FF28AAE1"/>
        </patternFill>
      </fill>
    </dxf>
    <dxf>
      <font>
        <color theme="9"/>
      </font>
      <fill>
        <patternFill>
          <bgColor theme="9"/>
        </patternFill>
      </fill>
    </dxf>
    <dxf>
      <font>
        <color rgb="FF28AAE1"/>
      </font>
      <fill>
        <patternFill>
          <bgColor rgb="FF28AAE1"/>
        </patternFill>
      </fill>
    </dxf>
    <dxf>
      <font>
        <color rgb="FF28AAE1"/>
      </font>
      <fill>
        <patternFill>
          <bgColor rgb="FF28AAE1"/>
        </patternFill>
      </fill>
    </dxf>
    <dxf>
      <font>
        <color theme="7"/>
      </font>
      <fill>
        <patternFill>
          <bgColor theme="7"/>
        </patternFill>
      </fill>
    </dxf>
    <dxf>
      <font>
        <color theme="7"/>
      </font>
      <fill>
        <patternFill>
          <bgColor theme="7"/>
        </patternFill>
      </fill>
    </dxf>
    <dxf>
      <font>
        <color theme="1"/>
      </font>
      <fill>
        <patternFill patternType="solid">
          <fgColor indexed="64"/>
          <bgColor theme="1"/>
        </patternFill>
      </fill>
      <border>
        <left/>
        <right/>
        <top/>
        <bottom/>
      </border>
    </dxf>
    <dxf>
      <font>
        <color theme="7"/>
      </font>
      <fill>
        <patternFill>
          <bgColor theme="7"/>
        </patternFill>
      </fill>
    </dxf>
    <dxf>
      <font>
        <color rgb="FF28AAE1"/>
      </font>
      <fill>
        <patternFill>
          <bgColor rgb="FF28AAE1"/>
        </patternFill>
      </fill>
    </dxf>
    <dxf>
      <font>
        <color theme="9"/>
      </font>
      <fill>
        <patternFill>
          <bgColor theme="9"/>
        </patternFill>
      </fill>
    </dxf>
    <dxf>
      <font>
        <color rgb="FF28AAE1"/>
      </font>
      <fill>
        <patternFill>
          <bgColor rgb="FF28AAE1"/>
        </patternFill>
      </fill>
    </dxf>
    <dxf>
      <font>
        <color theme="9"/>
      </font>
      <fill>
        <patternFill>
          <bgColor theme="9"/>
        </patternFill>
      </fill>
    </dxf>
    <dxf>
      <font>
        <color auto="1"/>
      </font>
      <fill>
        <patternFill>
          <bgColor rgb="FF92D050"/>
        </patternFill>
      </fill>
    </dxf>
    <dxf>
      <font>
        <color theme="0"/>
      </font>
      <fill>
        <patternFill>
          <bgColor theme="1" tint="0.499984740745262"/>
        </patternFill>
      </fill>
    </dxf>
    <dxf>
      <fill>
        <patternFill>
          <bgColor rgb="FFFFC000"/>
        </patternFill>
      </fill>
    </dxf>
    <dxf>
      <fill>
        <patternFill>
          <bgColor rgb="FFFFFF00"/>
        </patternFill>
      </fill>
    </dxf>
    <dxf>
      <fill>
        <patternFill>
          <bgColor rgb="FFFFFF00"/>
        </patternFill>
      </fill>
    </dxf>
    <dxf>
      <font>
        <color theme="0"/>
      </font>
      <fill>
        <patternFill>
          <bgColor rgb="FFFF0000"/>
        </patternFill>
      </fill>
    </dxf>
    <dxf>
      <font>
        <color theme="5"/>
      </font>
      <fill>
        <patternFill>
          <bgColor theme="5"/>
        </patternFill>
      </fill>
    </dxf>
    <dxf>
      <font>
        <color rgb="FF28AAE1"/>
      </font>
      <fill>
        <patternFill>
          <bgColor rgb="FF28AAE1"/>
        </patternFill>
      </fill>
    </dxf>
    <dxf>
      <font>
        <color theme="4"/>
      </font>
      <fill>
        <patternFill>
          <bgColor theme="4"/>
        </patternFill>
      </fill>
    </dxf>
    <dxf>
      <font>
        <color rgb="FF28AAE1"/>
      </font>
      <fill>
        <patternFill>
          <bgColor rgb="FF28AAE1"/>
        </patternFill>
      </fill>
    </dxf>
    <dxf>
      <font>
        <color rgb="FF28AAE1"/>
      </font>
      <fill>
        <patternFill>
          <bgColor rgb="FF28AAE1"/>
        </patternFill>
      </fill>
    </dxf>
    <dxf>
      <font>
        <color theme="7" tint="0.79998168889431442"/>
      </font>
      <fill>
        <patternFill>
          <bgColor theme="7" tint="0.79998168889431442"/>
        </patternFill>
      </fill>
    </dxf>
    <dxf>
      <font>
        <color rgb="FF28AAE1"/>
      </font>
      <fill>
        <patternFill>
          <bgColor rgb="FF28AAE1"/>
        </patternFill>
      </fill>
    </dxf>
    <dxf>
      <font>
        <color rgb="FF28AAE1"/>
      </font>
      <fill>
        <patternFill>
          <bgColor rgb="FF28AAE1"/>
        </patternFill>
      </fill>
    </dxf>
    <dxf>
      <font>
        <color rgb="FF0070C0"/>
      </font>
      <fill>
        <patternFill>
          <bgColor rgb="FF0070C0"/>
        </patternFill>
      </fill>
    </dxf>
    <dxf>
      <font>
        <color theme="7"/>
      </font>
      <fill>
        <patternFill>
          <fgColor theme="7"/>
          <bgColor theme="7"/>
        </patternFill>
      </fill>
      <border>
        <left style="thin">
          <color theme="7"/>
        </left>
        <right style="thin">
          <color theme="7"/>
        </right>
        <top style="thin">
          <color theme="7"/>
        </top>
        <bottom style="thin">
          <color theme="7"/>
        </bottom>
      </border>
    </dxf>
    <dxf>
      <font>
        <color theme="6"/>
      </font>
      <fill>
        <patternFill>
          <fgColor theme="9"/>
          <bgColor theme="6"/>
        </patternFill>
      </fill>
      <border>
        <left/>
        <right/>
        <top/>
        <bottom/>
      </border>
    </dxf>
    <dxf>
      <font>
        <color theme="5" tint="0.79998168889431442"/>
      </font>
      <fill>
        <patternFill>
          <fgColor theme="7" tint="0.59996337778862885"/>
          <bgColor theme="5" tint="0.79998168889431442"/>
        </patternFill>
      </fill>
      <border>
        <left/>
        <right/>
        <top/>
        <bottom/>
      </border>
    </dxf>
    <dxf>
      <font>
        <color theme="9"/>
      </font>
      <fill>
        <patternFill>
          <fgColor theme="9"/>
          <bgColor theme="9"/>
        </patternFill>
      </fill>
      <border>
        <left/>
        <right/>
        <top/>
        <bottom/>
      </border>
    </dxf>
    <dxf>
      <font>
        <color theme="5" tint="0.79998168889431442"/>
      </font>
      <fill>
        <patternFill>
          <fgColor theme="7" tint="0.59996337778862885"/>
          <bgColor theme="5" tint="0.79998168889431442"/>
        </patternFill>
      </fill>
      <border>
        <left/>
        <right/>
        <top/>
        <bottom/>
      </border>
    </dxf>
    <dxf>
      <font>
        <color theme="4"/>
      </font>
      <fill>
        <patternFill>
          <fgColor theme="7" tint="0.59996337778862885"/>
          <bgColor theme="4"/>
        </patternFill>
      </fill>
      <border>
        <left/>
        <right/>
        <top/>
        <bottom/>
      </border>
    </dxf>
    <dxf>
      <font>
        <color theme="5" tint="0.79998168889431442"/>
      </font>
      <fill>
        <patternFill>
          <fgColor theme="7" tint="0.59996337778862885"/>
          <bgColor theme="5" tint="0.79998168889431442"/>
        </patternFill>
      </fill>
      <border>
        <left/>
        <right/>
        <top/>
        <bottom/>
      </border>
    </dxf>
    <dxf>
      <font>
        <color theme="7"/>
      </font>
      <fill>
        <patternFill>
          <fgColor theme="7" tint="0.59996337778862885"/>
          <bgColor theme="7"/>
        </patternFill>
      </fill>
      <border>
        <left/>
        <right/>
        <top/>
        <bottom/>
      </border>
    </dxf>
    <dxf>
      <font>
        <color theme="9"/>
      </font>
      <fill>
        <patternFill>
          <bgColor theme="9"/>
        </patternFill>
      </fill>
    </dxf>
    <dxf>
      <font>
        <color theme="8"/>
      </font>
      <fill>
        <patternFill>
          <fgColor theme="7" tint="0.59996337778862885"/>
          <bgColor theme="8"/>
        </patternFill>
      </fill>
      <border>
        <left/>
        <right/>
        <top/>
        <bottom/>
      </border>
    </dxf>
    <dxf>
      <font>
        <color rgb="FF28AAE1"/>
      </font>
      <fill>
        <patternFill>
          <bgColor rgb="FF28AAE1"/>
        </patternFill>
      </fill>
    </dxf>
    <dxf>
      <font>
        <color rgb="FF28AAE1"/>
      </font>
      <fill>
        <patternFill>
          <bgColor rgb="FF28AAE1"/>
        </patternFill>
      </fill>
    </dxf>
    <dxf>
      <font>
        <color theme="9"/>
      </font>
      <fill>
        <patternFill>
          <bgColor theme="9"/>
        </patternFill>
      </fill>
    </dxf>
    <dxf>
      <font>
        <color theme="7"/>
      </font>
      <fill>
        <patternFill>
          <bgColor theme="7"/>
        </patternFill>
      </fill>
    </dxf>
    <dxf>
      <font>
        <color rgb="FF28AAE1"/>
      </font>
      <fill>
        <patternFill>
          <bgColor rgb="FF28AAE1"/>
        </patternFill>
      </fill>
    </dxf>
    <dxf>
      <font>
        <color theme="9"/>
      </font>
      <fill>
        <patternFill>
          <bgColor theme="9"/>
        </patternFill>
      </fill>
    </dxf>
    <dxf>
      <font>
        <color theme="7"/>
      </font>
      <fill>
        <patternFill>
          <bgColor theme="7"/>
        </patternFill>
      </fill>
    </dxf>
    <dxf>
      <font>
        <color rgb="FF28AAE1"/>
      </font>
      <fill>
        <patternFill>
          <bgColor rgb="FF28AAE1"/>
        </patternFill>
      </fill>
    </dxf>
    <dxf>
      <font>
        <color rgb="FF28AAE1"/>
      </font>
      <fill>
        <patternFill>
          <bgColor rgb="FF28AAE1"/>
        </patternFill>
      </fill>
    </dxf>
    <dxf>
      <font>
        <color theme="9"/>
      </font>
      <fill>
        <patternFill>
          <bgColor theme="9"/>
        </patternFill>
      </fill>
    </dxf>
    <dxf>
      <font>
        <color theme="7"/>
      </font>
      <fill>
        <patternFill>
          <bgColor theme="7"/>
        </patternFill>
      </fill>
    </dxf>
    <dxf>
      <font>
        <color theme="9"/>
      </font>
      <fill>
        <patternFill>
          <bgColor theme="9"/>
        </patternFill>
      </fill>
    </dxf>
    <dxf>
      <font>
        <color rgb="FF28AAE1"/>
      </font>
      <fill>
        <patternFill>
          <bgColor rgb="FF28AAE1"/>
        </patternFill>
      </fill>
    </dxf>
    <dxf>
      <font>
        <color theme="7"/>
      </font>
      <fill>
        <patternFill>
          <bgColor theme="7"/>
        </patternFill>
      </fill>
    </dxf>
    <dxf>
      <font>
        <color rgb="FF28AAE1"/>
      </font>
      <fill>
        <patternFill>
          <bgColor rgb="FF28AAE1"/>
        </patternFill>
      </fill>
    </dxf>
    <dxf>
      <font>
        <color theme="9"/>
      </font>
      <fill>
        <patternFill>
          <bgColor theme="9"/>
        </patternFill>
      </fill>
    </dxf>
    <dxf>
      <font>
        <color theme="7"/>
      </font>
      <fill>
        <patternFill>
          <bgColor theme="7"/>
        </patternFill>
      </fill>
    </dxf>
    <dxf>
      <font>
        <color rgb="FF28AAE1"/>
      </font>
      <fill>
        <patternFill>
          <bgColor rgb="FF28AAE1"/>
        </patternFill>
      </fill>
    </dxf>
    <dxf>
      <font>
        <color theme="7"/>
      </font>
      <fill>
        <patternFill>
          <bgColor theme="7"/>
        </patternFill>
      </fill>
    </dxf>
    <dxf>
      <font>
        <color theme="9"/>
      </font>
      <fill>
        <patternFill>
          <bgColor theme="9"/>
        </patternFill>
      </fill>
    </dxf>
    <dxf>
      <font>
        <color rgb="FF28AAE1"/>
      </font>
      <fill>
        <patternFill>
          <bgColor rgb="FF28AAE1"/>
        </patternFill>
      </fill>
    </dxf>
    <dxf>
      <font>
        <color theme="7"/>
      </font>
      <fill>
        <patternFill>
          <bgColor theme="7"/>
        </patternFill>
      </fill>
    </dxf>
    <dxf>
      <font>
        <color theme="5"/>
      </font>
      <fill>
        <patternFill>
          <fgColor theme="7" tint="0.59996337778862885"/>
          <bgColor theme="5"/>
        </patternFill>
      </fill>
      <border>
        <left/>
        <right/>
        <top/>
        <bottom/>
      </border>
    </dxf>
    <dxf>
      <font>
        <color rgb="FF28AAE1"/>
      </font>
      <fill>
        <patternFill>
          <bgColor rgb="FF28AAE1"/>
        </patternFill>
      </fill>
    </dxf>
    <dxf>
      <font>
        <color theme="7"/>
      </font>
      <fill>
        <patternFill>
          <bgColor theme="7"/>
        </patternFill>
      </fill>
    </dxf>
    <dxf>
      <font>
        <color theme="9"/>
      </font>
      <fill>
        <patternFill>
          <bgColor theme="9"/>
        </patternFill>
      </fill>
    </dxf>
    <dxf>
      <font>
        <color rgb="FF28AAE1"/>
      </font>
      <fill>
        <patternFill>
          <bgColor rgb="FF28AAE1"/>
        </patternFill>
      </fill>
    </dxf>
    <dxf>
      <font>
        <color theme="7"/>
      </font>
      <fill>
        <patternFill>
          <bgColor theme="7"/>
        </patternFill>
      </fill>
    </dxf>
    <dxf>
      <font>
        <color rgb="FF28AAE1"/>
      </font>
      <fill>
        <patternFill>
          <bgColor rgb="FF28AAE1"/>
        </patternFill>
      </fill>
    </dxf>
    <dxf>
      <font>
        <color theme="7"/>
      </font>
      <fill>
        <patternFill>
          <fgColor theme="7"/>
          <bgColor theme="7"/>
        </patternFill>
      </fill>
      <border>
        <left/>
        <right/>
        <top/>
        <bottom/>
      </border>
    </dxf>
    <dxf>
      <font>
        <color rgb="FF28AAE1"/>
      </font>
      <fill>
        <patternFill>
          <bgColor rgb="FF28AAE1"/>
        </patternFill>
      </fill>
    </dxf>
    <dxf>
      <font>
        <color theme="7"/>
      </font>
      <fill>
        <patternFill>
          <bgColor theme="7"/>
        </patternFill>
      </fill>
    </dxf>
    <dxf>
      <font>
        <color theme="9"/>
      </font>
      <fill>
        <patternFill>
          <bgColor theme="9"/>
        </patternFill>
      </fill>
    </dxf>
    <dxf>
      <font>
        <color rgb="FF28AAE1"/>
      </font>
      <fill>
        <patternFill>
          <bgColor rgb="FF28AAE1"/>
        </patternFill>
      </fill>
    </dxf>
    <dxf>
      <font>
        <color theme="9"/>
      </font>
      <fill>
        <patternFill>
          <bgColor theme="9"/>
        </patternFill>
      </fill>
    </dxf>
    <dxf>
      <font>
        <color theme="0" tint="-0.14996795556505021"/>
      </font>
      <fill>
        <patternFill>
          <fgColor theme="7"/>
          <bgColor theme="0" tint="-0.14996795556505021"/>
        </patternFill>
      </fill>
      <border>
        <left/>
        <right/>
        <top/>
        <bottom/>
      </border>
    </dxf>
    <dxf>
      <font>
        <color rgb="FF28AAE1"/>
      </font>
      <fill>
        <patternFill>
          <bgColor rgb="FF28AAE1"/>
        </patternFill>
      </fill>
    </dxf>
    <dxf>
      <font>
        <color theme="7"/>
      </font>
      <fill>
        <patternFill>
          <bgColor theme="7"/>
        </patternFill>
      </fill>
    </dxf>
    <dxf>
      <font>
        <color rgb="FF28AAE1"/>
      </font>
      <fill>
        <patternFill>
          <bgColor rgb="FF28AAE1"/>
        </patternFill>
      </fill>
    </dxf>
    <dxf>
      <font>
        <color rgb="FF28AAE1"/>
      </font>
      <fill>
        <patternFill>
          <bgColor rgb="FF28AAE1"/>
        </patternFill>
      </fill>
    </dxf>
    <dxf>
      <font>
        <color theme="9"/>
      </font>
      <fill>
        <patternFill>
          <bgColor theme="9"/>
        </patternFill>
      </fill>
    </dxf>
    <dxf>
      <font>
        <color theme="9"/>
      </font>
      <fill>
        <patternFill>
          <bgColor theme="9"/>
        </patternFill>
      </fill>
    </dxf>
    <dxf>
      <font>
        <color rgb="FF28AAE1"/>
      </font>
      <fill>
        <patternFill>
          <bgColor rgb="FF28AAE1"/>
        </patternFill>
      </fill>
    </dxf>
    <dxf>
      <font>
        <color theme="1"/>
      </font>
      <fill>
        <patternFill>
          <fgColor theme="1"/>
          <bgColor theme="1"/>
        </patternFill>
      </fill>
      <border>
        <left/>
        <right/>
        <top/>
        <bottom/>
      </border>
    </dxf>
    <dxf>
      <font>
        <color theme="7"/>
      </font>
      <fill>
        <patternFill>
          <bgColor theme="7"/>
        </patternFill>
      </fill>
    </dxf>
    <dxf>
      <font>
        <color theme="7"/>
      </font>
      <fill>
        <patternFill>
          <bgColor theme="7"/>
        </patternFill>
      </fill>
    </dxf>
    <dxf>
      <font>
        <color rgb="FF28AAE1"/>
      </font>
      <fill>
        <patternFill>
          <bgColor rgb="FF28AAE1"/>
        </patternFill>
      </fill>
    </dxf>
    <dxf>
      <font>
        <color theme="9"/>
      </font>
      <fill>
        <patternFill>
          <bgColor theme="9"/>
        </patternFill>
      </fill>
    </dxf>
    <dxf>
      <font>
        <color theme="1"/>
      </font>
      <fill>
        <patternFill>
          <fgColor theme="7"/>
          <bgColor theme="1"/>
        </patternFill>
      </fill>
      <border>
        <left/>
        <right/>
        <top/>
        <bottom/>
      </border>
    </dxf>
    <dxf>
      <font>
        <color rgb="FF28AAE1"/>
      </font>
      <fill>
        <patternFill>
          <bgColor rgb="FF28AAE1"/>
        </patternFill>
      </fill>
    </dxf>
    <dxf>
      <font>
        <color theme="9"/>
      </font>
      <fill>
        <patternFill>
          <bgColor theme="9"/>
        </patternFill>
      </fill>
    </dxf>
    <dxf>
      <font>
        <color rgb="FF28AAE1"/>
      </font>
      <fill>
        <patternFill>
          <bgColor rgb="FF28AAE1"/>
        </patternFill>
      </fill>
    </dxf>
    <dxf>
      <font>
        <color rgb="FF28AAE1"/>
      </font>
      <fill>
        <patternFill>
          <bgColor rgb="FF28AAE1"/>
        </patternFill>
      </fill>
    </dxf>
    <dxf>
      <font>
        <color theme="7"/>
      </font>
      <fill>
        <patternFill>
          <bgColor theme="7"/>
        </patternFill>
      </fill>
    </dxf>
    <dxf>
      <font>
        <color theme="7"/>
      </font>
      <fill>
        <patternFill>
          <bgColor theme="7"/>
        </patternFill>
      </fill>
    </dxf>
    <dxf>
      <font>
        <color theme="1"/>
      </font>
      <fill>
        <patternFill patternType="solid">
          <fgColor indexed="64"/>
          <bgColor theme="1"/>
        </patternFill>
      </fill>
      <border>
        <left/>
        <right/>
        <top/>
        <bottom/>
      </border>
    </dxf>
    <dxf>
      <font>
        <color theme="7"/>
      </font>
      <fill>
        <patternFill>
          <bgColor theme="7"/>
        </patternFill>
      </fill>
    </dxf>
    <dxf>
      <font>
        <color rgb="FF28AAE1"/>
      </font>
      <fill>
        <patternFill>
          <bgColor rgb="FF28AAE1"/>
        </patternFill>
      </fill>
    </dxf>
    <dxf>
      <font>
        <color theme="9"/>
      </font>
      <fill>
        <patternFill>
          <bgColor theme="9"/>
        </patternFill>
      </fill>
    </dxf>
    <dxf>
      <font>
        <color rgb="FF28AAE1"/>
      </font>
      <fill>
        <patternFill>
          <bgColor rgb="FF28AAE1"/>
        </patternFill>
      </fill>
    </dxf>
    <dxf>
      <font>
        <color theme="9"/>
      </font>
      <fill>
        <patternFill>
          <bgColor theme="9"/>
        </patternFill>
      </fill>
    </dxf>
    <dxf>
      <font>
        <color auto="1"/>
      </font>
      <fill>
        <patternFill>
          <bgColor rgb="FF92D050"/>
        </patternFill>
      </fill>
    </dxf>
    <dxf>
      <font>
        <color theme="0"/>
      </font>
      <fill>
        <patternFill>
          <bgColor theme="1" tint="0.499984740745262"/>
        </patternFill>
      </fill>
    </dxf>
    <dxf>
      <fill>
        <patternFill>
          <bgColor rgb="FFFFC000"/>
        </patternFill>
      </fill>
    </dxf>
    <dxf>
      <fill>
        <patternFill>
          <bgColor rgb="FFFFFF00"/>
        </patternFill>
      </fill>
    </dxf>
    <dxf>
      <fill>
        <patternFill>
          <bgColor rgb="FFFFFF00"/>
        </patternFill>
      </fill>
    </dxf>
    <dxf>
      <font>
        <color theme="0"/>
      </font>
      <fill>
        <patternFill>
          <bgColor rgb="FFFF0000"/>
        </patternFill>
      </fill>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theme" Target="theme/theme1.xml"/><Relationship Id="rId13" Type="http://schemas.openxmlformats.org/officeDocument/2006/relationships/customXml" Target="../customXml/item2.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customXml" Target="../customXml/item1.xml"/><Relationship Id="rId2" Type="http://schemas.openxmlformats.org/officeDocument/2006/relationships/worksheet" Target="worksheets/sheet2.xml"/><Relationship Id="rId16" Type="http://schemas.openxmlformats.org/officeDocument/2006/relationships/customXml" Target="../customXml/item5.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alcChain" Target="calcChain.xml"/><Relationship Id="rId5" Type="http://schemas.openxmlformats.org/officeDocument/2006/relationships/worksheet" Target="worksheets/sheet5.xml"/><Relationship Id="rId15" Type="http://schemas.openxmlformats.org/officeDocument/2006/relationships/customXml" Target="../customXml/item4.xml"/><Relationship Id="rId10" Type="http://schemas.openxmlformats.org/officeDocument/2006/relationships/sharedStrings" Target="sharedStrings.xml"/><Relationship Id="rId4" Type="http://schemas.openxmlformats.org/officeDocument/2006/relationships/worksheet" Target="worksheets/sheet4.xml"/><Relationship Id="rId9" Type="http://schemas.openxmlformats.org/officeDocument/2006/relationships/styles" Target="styles.xml"/><Relationship Id="rId14" Type="http://schemas.openxmlformats.org/officeDocument/2006/relationships/customXml" Target="../customXml/item3.xml"/></Relationships>
</file>

<file path=xl/drawings/drawing1.xml><?xml version="1.0" encoding="utf-8"?>
<xdr:wsDr xmlns:xdr="http://schemas.openxmlformats.org/drawingml/2006/spreadsheetDrawing" xmlns:a="http://schemas.openxmlformats.org/drawingml/2006/main">
  <xdr:twoCellAnchor>
    <xdr:from>
      <xdr:col>54</xdr:col>
      <xdr:colOff>349063</xdr:colOff>
      <xdr:row>44</xdr:row>
      <xdr:rowOff>124811</xdr:rowOff>
    </xdr:from>
    <xdr:to>
      <xdr:col>54</xdr:col>
      <xdr:colOff>482413</xdr:colOff>
      <xdr:row>44</xdr:row>
      <xdr:rowOff>265305</xdr:rowOff>
    </xdr:to>
    <xdr:sp macro="" textlink="">
      <xdr:nvSpPr>
        <xdr:cNvPr id="2" name="Star: 5 Points 1">
          <a:extLst>
            <a:ext uri="{FF2B5EF4-FFF2-40B4-BE49-F238E27FC236}">
              <a16:creationId xmlns:a16="http://schemas.microsoft.com/office/drawing/2014/main" id="{374CC55F-D0F5-42E1-A9B6-2F623E85A2F6}"/>
            </a:ext>
          </a:extLst>
        </xdr:cNvPr>
        <xdr:cNvSpPr/>
      </xdr:nvSpPr>
      <xdr:spPr>
        <a:xfrm>
          <a:off x="29857513" y="18431861"/>
          <a:ext cx="0" cy="140494"/>
        </a:xfrm>
        <a:prstGeom prst="star5">
          <a:avLst/>
        </a:prstGeom>
        <a:solidFill>
          <a:srgbClr val="FFC000"/>
        </a:solidFill>
        <a:ln>
          <a:solidFill>
            <a:srgbClr val="FFC000"/>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GB" sz="1100"/>
        </a:p>
      </xdr:txBody>
    </xdr:sp>
    <xdr:clientData/>
  </xdr:twoCellAnchor>
  <xdr:twoCellAnchor>
    <xdr:from>
      <xdr:col>20</xdr:col>
      <xdr:colOff>201246</xdr:colOff>
      <xdr:row>50</xdr:row>
      <xdr:rowOff>0</xdr:rowOff>
    </xdr:from>
    <xdr:to>
      <xdr:col>20</xdr:col>
      <xdr:colOff>704928</xdr:colOff>
      <xdr:row>50</xdr:row>
      <xdr:rowOff>0</xdr:rowOff>
    </xdr:to>
    <xdr:sp macro="" textlink="">
      <xdr:nvSpPr>
        <xdr:cNvPr id="3" name="Arrow: Up-Down 2">
          <a:extLst>
            <a:ext uri="{FF2B5EF4-FFF2-40B4-BE49-F238E27FC236}">
              <a16:creationId xmlns:a16="http://schemas.microsoft.com/office/drawing/2014/main" id="{BE4AC5CA-FBC4-43E1-8F6F-3AF427D9DE24}"/>
            </a:ext>
          </a:extLst>
        </xdr:cNvPr>
        <xdr:cNvSpPr/>
      </xdr:nvSpPr>
      <xdr:spPr>
        <a:xfrm>
          <a:off x="18727371" y="20593050"/>
          <a:ext cx="122682" cy="0"/>
        </a:xfrm>
        <a:prstGeom prst="upDownArrow">
          <a:avLst/>
        </a:prstGeom>
        <a:solidFill>
          <a:srgbClr val="FFFF00"/>
        </a:solidFill>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GB" sz="1100"/>
        </a:p>
      </xdr:txBody>
    </xdr:sp>
    <xdr:clientData/>
  </xdr:twoCellAnchor>
</xdr:wsDr>
</file>

<file path=xl/drawings/drawing2.xml><?xml version="1.0" encoding="utf-8"?>
<xdr:wsDr xmlns:xdr="http://schemas.openxmlformats.org/drawingml/2006/spreadsheetDrawing" xmlns:a="http://schemas.openxmlformats.org/drawingml/2006/main">
  <xdr:twoCellAnchor>
    <xdr:from>
      <xdr:col>54</xdr:col>
      <xdr:colOff>349063</xdr:colOff>
      <xdr:row>44</xdr:row>
      <xdr:rowOff>124811</xdr:rowOff>
    </xdr:from>
    <xdr:to>
      <xdr:col>54</xdr:col>
      <xdr:colOff>482413</xdr:colOff>
      <xdr:row>44</xdr:row>
      <xdr:rowOff>265305</xdr:rowOff>
    </xdr:to>
    <xdr:sp macro="" textlink="">
      <xdr:nvSpPr>
        <xdr:cNvPr id="12" name="Star: 5 Points 11">
          <a:extLst>
            <a:ext uri="{FF2B5EF4-FFF2-40B4-BE49-F238E27FC236}">
              <a16:creationId xmlns:a16="http://schemas.microsoft.com/office/drawing/2014/main" id="{5036CA98-F772-4A1B-B12E-CB8C930B6E01}"/>
            </a:ext>
          </a:extLst>
        </xdr:cNvPr>
        <xdr:cNvSpPr/>
      </xdr:nvSpPr>
      <xdr:spPr>
        <a:xfrm>
          <a:off x="67146178" y="4557599"/>
          <a:ext cx="133350" cy="140494"/>
        </a:xfrm>
        <a:prstGeom prst="star5">
          <a:avLst/>
        </a:prstGeom>
        <a:solidFill>
          <a:srgbClr val="FFC000"/>
        </a:solidFill>
        <a:ln>
          <a:solidFill>
            <a:srgbClr val="FFC000"/>
          </a:solidFill>
        </a:ln>
      </xdr:spPr>
      <xdr:style>
        <a:lnRef idx="2">
          <a:schemeClr val="accent1">
            <a:shade val="50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GB" sz="1100"/>
        </a:p>
      </xdr:txBody>
    </xdr:sp>
    <xdr:clientData/>
  </xdr:twoCellAnchor>
  <xdr:twoCellAnchor>
    <xdr:from>
      <xdr:col>20</xdr:col>
      <xdr:colOff>201246</xdr:colOff>
      <xdr:row>50</xdr:row>
      <xdr:rowOff>0</xdr:rowOff>
    </xdr:from>
    <xdr:to>
      <xdr:col>20</xdr:col>
      <xdr:colOff>704928</xdr:colOff>
      <xdr:row>50</xdr:row>
      <xdr:rowOff>0</xdr:rowOff>
    </xdr:to>
    <xdr:sp macro="" textlink="">
      <xdr:nvSpPr>
        <xdr:cNvPr id="34" name="Arrow: Up-Down 33">
          <a:extLst>
            <a:ext uri="{FF2B5EF4-FFF2-40B4-BE49-F238E27FC236}">
              <a16:creationId xmlns:a16="http://schemas.microsoft.com/office/drawing/2014/main" id="{3AC1A431-5AB2-4F8E-BE51-01DEDB8173DC}"/>
            </a:ext>
          </a:extLst>
        </xdr:cNvPr>
        <xdr:cNvSpPr/>
      </xdr:nvSpPr>
      <xdr:spPr>
        <a:xfrm>
          <a:off x="38350092" y="11167697"/>
          <a:ext cx="503682" cy="2558073"/>
        </a:xfrm>
        <a:prstGeom prst="upDownArrow">
          <a:avLst/>
        </a:prstGeom>
        <a:solidFill>
          <a:srgbClr val="FFFF00"/>
        </a:solidFill>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GB" sz="1100"/>
        </a:p>
      </xdr:txBody>
    </xdr:sp>
    <xdr:clientData/>
  </xdr:twoCellAnchor>
</xdr:wsDr>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3.xml.rels><?xml version="1.0" encoding="UTF-8" standalone="yes"?>
<Relationships xmlns="http://schemas.openxmlformats.org/package/2006/relationships"><Relationship Id="rId2" Type="http://schemas.openxmlformats.org/officeDocument/2006/relationships/printerSettings" Target="../printerSettings/printerSettings2.bin"/><Relationship Id="rId1" Type="http://schemas.openxmlformats.org/officeDocument/2006/relationships/printerSettings" Target="../printerSettings/printerSettings1.bin"/></Relationships>
</file>

<file path=xl/worksheets/_rels/sheet4.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3.bin"/></Relationships>
</file>

<file path=xl/worksheets/_rels/sheet5.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4.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CBFA3E2-F4E3-4C21-9C00-307CAF1BD2A8}">
  <sheetPr>
    <tabColor theme="3" tint="0.79998168889431442"/>
  </sheetPr>
  <dimension ref="A1:V11"/>
  <sheetViews>
    <sheetView tabSelected="1" zoomScaleNormal="100" workbookViewId="0"/>
  </sheetViews>
  <sheetFormatPr defaultRowHeight="14.1"/>
  <cols>
    <col min="1" max="1" width="218.75" customWidth="1"/>
  </cols>
  <sheetData>
    <row r="1" spans="1:22" ht="345" customHeight="1">
      <c r="A1" s="137" t="s">
        <v>0</v>
      </c>
      <c r="B1" s="48"/>
      <c r="C1" s="48"/>
      <c r="D1" s="48"/>
      <c r="E1" s="48"/>
      <c r="F1" s="48"/>
      <c r="G1" s="48"/>
      <c r="H1" s="48"/>
      <c r="I1" s="48"/>
      <c r="J1" s="48"/>
      <c r="K1" s="48"/>
      <c r="L1" s="48"/>
      <c r="M1" s="48"/>
      <c r="N1" s="48"/>
      <c r="O1" s="48"/>
      <c r="P1" s="48"/>
      <c r="Q1" s="48"/>
      <c r="R1" s="48"/>
      <c r="S1" s="48"/>
      <c r="T1" s="48"/>
      <c r="U1" s="48"/>
      <c r="V1" s="48"/>
    </row>
    <row r="2" spans="1:22">
      <c r="A2" s="48"/>
      <c r="B2" s="48"/>
      <c r="C2" s="48"/>
      <c r="D2" s="48"/>
      <c r="E2" s="48"/>
      <c r="F2" s="48"/>
      <c r="G2" s="48"/>
      <c r="H2" s="48"/>
      <c r="I2" s="48"/>
      <c r="J2" s="48"/>
      <c r="K2" s="48"/>
      <c r="L2" s="48"/>
      <c r="M2" s="48"/>
      <c r="N2" s="48"/>
      <c r="O2" s="48"/>
      <c r="P2" s="48"/>
      <c r="Q2" s="48"/>
      <c r="R2" s="48"/>
      <c r="S2" s="48"/>
      <c r="T2" s="48"/>
      <c r="U2" s="48"/>
      <c r="V2" s="48"/>
    </row>
    <row r="3" spans="1:22" ht="161.25" customHeight="1">
      <c r="A3" s="48" t="s">
        <v>1</v>
      </c>
      <c r="B3" s="48"/>
      <c r="C3" s="48"/>
      <c r="D3" s="48"/>
      <c r="E3" s="48"/>
      <c r="F3" s="48"/>
      <c r="G3" s="48"/>
      <c r="H3" s="48"/>
      <c r="I3" s="48"/>
      <c r="J3" s="48"/>
      <c r="K3" s="48"/>
      <c r="L3" s="48"/>
      <c r="M3" s="48"/>
      <c r="N3" s="48"/>
      <c r="O3" s="48"/>
      <c r="P3" s="48"/>
      <c r="Q3" s="48"/>
      <c r="R3" s="48"/>
      <c r="S3" s="48"/>
      <c r="T3" s="48"/>
      <c r="U3" s="48"/>
      <c r="V3" s="48"/>
    </row>
    <row r="4" spans="1:22">
      <c r="A4" s="48"/>
      <c r="B4" s="48"/>
      <c r="C4" s="48"/>
      <c r="D4" s="48"/>
      <c r="E4" s="48"/>
      <c r="F4" s="48"/>
      <c r="G4" s="48"/>
      <c r="H4" s="48"/>
      <c r="I4" s="48"/>
      <c r="J4" s="48"/>
      <c r="K4" s="48"/>
      <c r="L4" s="48"/>
      <c r="M4" s="48"/>
      <c r="N4" s="48"/>
      <c r="O4" s="48"/>
      <c r="P4" s="48"/>
      <c r="Q4" s="48"/>
      <c r="R4" s="48"/>
      <c r="S4" s="48"/>
      <c r="T4" s="48"/>
      <c r="U4" s="48"/>
      <c r="V4" s="48"/>
    </row>
    <row r="5" spans="1:22" ht="318.75" customHeight="1">
      <c r="A5" s="48" t="s">
        <v>2</v>
      </c>
      <c r="B5" s="48"/>
      <c r="C5" s="48"/>
      <c r="D5" s="48"/>
      <c r="E5" s="48"/>
      <c r="F5" s="48"/>
      <c r="G5" s="48"/>
      <c r="H5" s="48"/>
      <c r="I5" s="48"/>
      <c r="J5" s="48"/>
      <c r="K5" s="48"/>
      <c r="L5" s="48"/>
      <c r="M5" s="48"/>
      <c r="N5" s="48"/>
      <c r="O5" s="48"/>
      <c r="P5" s="48"/>
      <c r="Q5" s="48"/>
      <c r="R5" s="48"/>
      <c r="S5" s="48"/>
      <c r="T5" s="48"/>
      <c r="U5" s="48"/>
      <c r="V5" s="48"/>
    </row>
    <row r="7" spans="1:22" ht="75" customHeight="1">
      <c r="A7" s="36" t="s">
        <v>3</v>
      </c>
      <c r="B7" s="36"/>
      <c r="C7" s="36"/>
      <c r="D7" s="36"/>
      <c r="E7" s="36"/>
      <c r="F7" s="36"/>
      <c r="G7" s="36"/>
      <c r="H7" s="36"/>
      <c r="I7" s="36"/>
      <c r="J7" s="36"/>
      <c r="K7" s="36"/>
      <c r="L7" s="36"/>
      <c r="M7" s="36"/>
      <c r="N7" s="36"/>
      <c r="O7" s="36"/>
      <c r="P7" s="36"/>
      <c r="Q7" s="36"/>
      <c r="R7" s="36"/>
      <c r="S7" s="36"/>
      <c r="T7" s="36"/>
      <c r="U7" s="36"/>
      <c r="V7" s="36"/>
    </row>
    <row r="8" spans="1:22">
      <c r="A8" s="36"/>
      <c r="B8" s="36"/>
      <c r="C8" s="36"/>
      <c r="D8" s="36"/>
      <c r="E8" s="36"/>
      <c r="F8" s="36"/>
      <c r="G8" s="36"/>
      <c r="H8" s="36"/>
      <c r="I8" s="36"/>
      <c r="J8" s="36"/>
      <c r="K8" s="36"/>
      <c r="L8" s="36"/>
      <c r="M8" s="36"/>
      <c r="N8" s="36"/>
      <c r="O8" s="36"/>
      <c r="P8" s="36"/>
      <c r="Q8" s="36"/>
      <c r="R8" s="36"/>
      <c r="S8" s="36"/>
      <c r="T8" s="36"/>
      <c r="U8" s="36"/>
      <c r="V8" s="36"/>
    </row>
    <row r="9" spans="1:22">
      <c r="A9" s="36"/>
      <c r="B9" s="36"/>
      <c r="C9" s="36"/>
      <c r="D9" s="36"/>
      <c r="E9" s="36"/>
      <c r="F9" s="36"/>
      <c r="G9" s="36"/>
      <c r="H9" s="36"/>
      <c r="I9" s="36"/>
      <c r="J9" s="36"/>
      <c r="K9" s="36"/>
      <c r="L9" s="36"/>
      <c r="M9" s="36"/>
      <c r="N9" s="36"/>
      <c r="O9" s="36"/>
      <c r="P9" s="36"/>
      <c r="Q9" s="36"/>
      <c r="R9" s="36"/>
      <c r="S9" s="36"/>
      <c r="T9" s="36"/>
      <c r="U9" s="36"/>
      <c r="V9" s="36"/>
    </row>
    <row r="10" spans="1:22">
      <c r="A10" s="36"/>
      <c r="B10" s="36"/>
      <c r="C10" s="36"/>
      <c r="D10" s="36"/>
      <c r="E10" s="36"/>
      <c r="F10" s="36"/>
      <c r="G10" s="36"/>
      <c r="H10" s="36"/>
      <c r="I10" s="36"/>
      <c r="J10" s="36"/>
      <c r="K10" s="36"/>
      <c r="L10" s="36"/>
      <c r="M10" s="36"/>
      <c r="N10" s="36"/>
      <c r="O10" s="36"/>
      <c r="P10" s="36"/>
      <c r="Q10" s="36"/>
      <c r="R10" s="36"/>
      <c r="S10" s="36"/>
      <c r="T10" s="36"/>
      <c r="U10" s="36"/>
      <c r="V10" s="36"/>
    </row>
    <row r="11" spans="1:22">
      <c r="A11" s="36"/>
      <c r="B11" s="36"/>
      <c r="C11" s="36"/>
      <c r="D11" s="36"/>
      <c r="E11" s="36"/>
      <c r="F11" s="36"/>
      <c r="G11" s="36"/>
      <c r="H11" s="36"/>
      <c r="I11" s="36"/>
      <c r="J11" s="36"/>
      <c r="K11" s="36"/>
      <c r="L11" s="36"/>
      <c r="M11" s="36"/>
      <c r="N11" s="36"/>
      <c r="O11" s="36"/>
      <c r="P11" s="36"/>
      <c r="Q11" s="36"/>
      <c r="R11" s="36"/>
      <c r="S11" s="36"/>
      <c r="T11" s="36"/>
      <c r="U11" s="36"/>
      <c r="V11" s="36"/>
    </row>
  </sheetData>
  <customSheetViews>
    <customSheetView guid="{3F5342EC-FC55-4930-8ADA-90ED7A7A3001}">
      <selection sqref="A1:V36"/>
      <pageMargins left="0" right="0" top="0" bottom="0" header="0" footer="0"/>
    </customSheetView>
  </customSheetView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5D14995-28E0-48EA-9AF5-538232886EAE}">
  <sheetPr>
    <tabColor rgb="FFFFFF00"/>
  </sheetPr>
  <dimension ref="A1:A18"/>
  <sheetViews>
    <sheetView workbookViewId="0">
      <selection activeCell="A22" sqref="A22"/>
    </sheetView>
  </sheetViews>
  <sheetFormatPr defaultRowHeight="14.1"/>
  <cols>
    <col min="1" max="1" width="218.75" customWidth="1"/>
  </cols>
  <sheetData>
    <row r="1" spans="1:1">
      <c r="A1" s="101" t="s">
        <v>4</v>
      </c>
    </row>
    <row r="3" spans="1:1" ht="27.95">
      <c r="A3" s="36" t="s">
        <v>5</v>
      </c>
    </row>
    <row r="5" spans="1:1">
      <c r="A5" t="s">
        <v>6</v>
      </c>
    </row>
    <row r="7" spans="1:1">
      <c r="A7" t="s">
        <v>7</v>
      </c>
    </row>
    <row r="9" spans="1:1">
      <c r="A9" t="s">
        <v>8</v>
      </c>
    </row>
    <row r="11" spans="1:1">
      <c r="A11" t="s">
        <v>9</v>
      </c>
    </row>
    <row r="13" spans="1:1">
      <c r="A13" t="s">
        <v>10</v>
      </c>
    </row>
    <row r="15" spans="1:1">
      <c r="A15" t="s">
        <v>11</v>
      </c>
    </row>
    <row r="18" spans="1:1">
      <c r="A18" s="102" t="s">
        <v>12</v>
      </c>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D504E6-FF23-42EF-A4AB-971259469FAD}">
  <sheetPr>
    <tabColor theme="5" tint="0.79998168889431442"/>
  </sheetPr>
  <dimension ref="B2:E26"/>
  <sheetViews>
    <sheetView zoomScaleNormal="100" zoomScaleSheetLayoutView="100" workbookViewId="0">
      <selection activeCell="B16" sqref="B16"/>
    </sheetView>
  </sheetViews>
  <sheetFormatPr defaultRowHeight="14.1"/>
  <cols>
    <col min="1" max="1" width="0.875" customWidth="1"/>
    <col min="2" max="2" width="58" customWidth="1"/>
    <col min="3" max="3" width="22" bestFit="1" customWidth="1"/>
    <col min="4" max="4" width="9.75" bestFit="1" customWidth="1"/>
    <col min="5" max="5" width="8.25" bestFit="1" customWidth="1"/>
    <col min="6" max="6" width="20.25" customWidth="1"/>
    <col min="7" max="7" width="41.125" customWidth="1"/>
    <col min="8" max="8" width="54.125" customWidth="1"/>
  </cols>
  <sheetData>
    <row r="2" spans="2:5">
      <c r="B2" s="10" t="s">
        <v>13</v>
      </c>
      <c r="C2" s="11" t="s">
        <v>14</v>
      </c>
      <c r="D2" s="11" t="s">
        <v>15</v>
      </c>
    </row>
    <row r="3" spans="2:5">
      <c r="B3" s="12" t="s">
        <v>16</v>
      </c>
      <c r="C3" s="13">
        <v>46266</v>
      </c>
      <c r="D3" s="14" t="s">
        <v>17</v>
      </c>
    </row>
    <row r="4" spans="2:5">
      <c r="B4" s="12" t="s">
        <v>18</v>
      </c>
      <c r="C4" s="15" t="s">
        <v>19</v>
      </c>
      <c r="D4" s="16" t="s">
        <v>20</v>
      </c>
      <c r="E4" s="9"/>
    </row>
    <row r="5" spans="2:5" ht="14.1" customHeight="1">
      <c r="B5" s="12" t="s">
        <v>21</v>
      </c>
      <c r="C5" s="13">
        <v>46357</v>
      </c>
      <c r="D5" s="16" t="s">
        <v>20</v>
      </c>
    </row>
    <row r="6" spans="2:5">
      <c r="B6" s="17"/>
      <c r="C6" s="17"/>
      <c r="D6" s="17"/>
    </row>
    <row r="7" spans="2:5">
      <c r="B7" s="18" t="s">
        <v>22</v>
      </c>
      <c r="C7" s="18" t="s">
        <v>23</v>
      </c>
      <c r="D7" s="18" t="s">
        <v>24</v>
      </c>
    </row>
    <row r="8" spans="2:5">
      <c r="B8" s="19" t="s">
        <v>25</v>
      </c>
      <c r="C8" s="20">
        <f>'4. Worked Project Plan'!E7</f>
        <v>46363</v>
      </c>
      <c r="D8" s="32" t="s">
        <v>26</v>
      </c>
      <c r="E8" s="9"/>
    </row>
    <row r="9" spans="2:5">
      <c r="B9" s="19" t="s">
        <v>27</v>
      </c>
      <c r="C9" s="20">
        <f>'4. Worked Project Plan'!E9</f>
        <v>46027</v>
      </c>
      <c r="D9" s="16" t="s">
        <v>20</v>
      </c>
      <c r="E9" s="9"/>
    </row>
    <row r="10" spans="2:5">
      <c r="B10" s="19" t="s">
        <v>28</v>
      </c>
      <c r="C10" s="20">
        <f>'4. Worked Project Plan'!E10</f>
        <v>46066</v>
      </c>
      <c r="D10" s="16" t="s">
        <v>20</v>
      </c>
      <c r="E10" s="9"/>
    </row>
    <row r="11" spans="2:5">
      <c r="B11" s="17"/>
      <c r="C11" s="17"/>
      <c r="D11" s="17"/>
    </row>
    <row r="12" spans="2:5">
      <c r="B12" s="21" t="s">
        <v>29</v>
      </c>
      <c r="C12" s="21" t="s">
        <v>23</v>
      </c>
      <c r="D12" s="21" t="s">
        <v>24</v>
      </c>
    </row>
    <row r="13" spans="2:5">
      <c r="B13" s="12" t="s">
        <v>30</v>
      </c>
      <c r="C13" s="22">
        <f>'4. Worked Project Plan'!E30</f>
        <v>46167</v>
      </c>
      <c r="D13" s="16" t="s">
        <v>20</v>
      </c>
    </row>
    <row r="14" spans="2:5">
      <c r="B14" s="12" t="s">
        <v>31</v>
      </c>
      <c r="C14" s="22">
        <v>46216</v>
      </c>
      <c r="D14" s="14" t="s">
        <v>17</v>
      </c>
    </row>
    <row r="15" spans="2:5">
      <c r="B15" s="12" t="s">
        <v>32</v>
      </c>
      <c r="C15" s="22">
        <f>'4. Worked Project Plan'!F23</f>
        <v>46230</v>
      </c>
      <c r="D15" s="16" t="s">
        <v>20</v>
      </c>
    </row>
    <row r="16" spans="2:5">
      <c r="B16" s="12" t="s">
        <v>33</v>
      </c>
      <c r="C16" s="22">
        <v>46230</v>
      </c>
      <c r="D16" s="16" t="s">
        <v>20</v>
      </c>
    </row>
    <row r="17" spans="2:5">
      <c r="B17" s="12" t="s">
        <v>18</v>
      </c>
      <c r="C17" s="24" t="s">
        <v>34</v>
      </c>
      <c r="D17" s="16" t="s">
        <v>20</v>
      </c>
      <c r="E17" s="9"/>
    </row>
    <row r="18" spans="2:5">
      <c r="B18" s="12" t="s">
        <v>35</v>
      </c>
      <c r="C18" s="22">
        <f>'4. Worked Project Plan'!E45</f>
        <v>46286</v>
      </c>
      <c r="D18" s="16" t="s">
        <v>20</v>
      </c>
      <c r="E18" s="9"/>
    </row>
    <row r="19" spans="2:5">
      <c r="B19" s="17"/>
      <c r="C19" s="17"/>
      <c r="D19" s="17"/>
    </row>
    <row r="20" spans="2:5">
      <c r="B20" s="23" t="s">
        <v>36</v>
      </c>
      <c r="C20" s="23" t="s">
        <v>23</v>
      </c>
      <c r="D20" s="23" t="s">
        <v>24</v>
      </c>
    </row>
    <row r="21" spans="2:5" ht="18" customHeight="1">
      <c r="B21" s="12" t="s">
        <v>37</v>
      </c>
      <c r="C21" s="22">
        <f>'4. Worked Project Plan'!E48</f>
        <v>46349</v>
      </c>
      <c r="D21" s="16" t="s">
        <v>20</v>
      </c>
    </row>
    <row r="22" spans="2:5">
      <c r="B22" s="12" t="s">
        <v>38</v>
      </c>
      <c r="C22" s="22">
        <f>'4. Worked Project Plan'!F46</f>
        <v>46342</v>
      </c>
      <c r="D22" s="16" t="s">
        <v>20</v>
      </c>
    </row>
    <row r="23" spans="2:5">
      <c r="B23" s="12" t="s">
        <v>39</v>
      </c>
      <c r="C23" s="22">
        <f>'4. Worked Project Plan'!F49</f>
        <v>46363</v>
      </c>
      <c r="D23" s="16" t="s">
        <v>20</v>
      </c>
    </row>
    <row r="24" spans="2:5">
      <c r="B24" s="12" t="s">
        <v>40</v>
      </c>
      <c r="C24" s="22">
        <f>'4. Worked Project Plan'!F50</f>
        <v>46370</v>
      </c>
      <c r="D24" s="16" t="s">
        <v>20</v>
      </c>
    </row>
    <row r="26" spans="2:5">
      <c r="B26" t="s">
        <v>41</v>
      </c>
    </row>
  </sheetData>
  <customSheetViews>
    <customSheetView guid="{3F5342EC-FC55-4930-8ADA-90ED7A7A3001}" showPageBreaks="1" view="pageLayout">
      <selection sqref="A1:G59"/>
      <pageMargins left="0" right="0" top="0" bottom="0" header="0" footer="0"/>
      <pageSetup paperSize="9" orientation="portrait" horizontalDpi="300" verticalDpi="300" r:id="rId1"/>
    </customSheetView>
  </customSheetViews>
  <pageMargins left="0.7" right="0.7" top="0.75" bottom="0.75" header="0.3" footer="0.3"/>
  <pageSetup paperSize="8" orientation="landscape" horizontalDpi="300" verticalDpi="300" r:id="rId2"/>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4B65DA2-68C8-4CAD-8298-191C96E632EA}">
  <sheetPr>
    <tabColor theme="7" tint="0.79998168889431442"/>
  </sheetPr>
  <dimension ref="A1:XEQ50"/>
  <sheetViews>
    <sheetView zoomScale="70" zoomScaleNormal="70" workbookViewId="0">
      <pane xSplit="8" ySplit="3" topLeftCell="AP26" activePane="bottomRight" state="frozen"/>
      <selection pane="bottomRight" activeCell="BJ2" sqref="BJ2"/>
      <selection pane="bottomLeft" activeCell="A4" sqref="A4"/>
      <selection pane="topRight" activeCell="I1" sqref="I1"/>
    </sheetView>
  </sheetViews>
  <sheetFormatPr defaultColWidth="8.625" defaultRowHeight="15.6"/>
  <cols>
    <col min="1" max="2" width="8.625" style="99" customWidth="1"/>
    <col min="3" max="3" width="47.875" style="99" customWidth="1"/>
    <col min="4" max="4" width="17.625" style="99" customWidth="1"/>
    <col min="5" max="5" width="13.625" style="100" customWidth="1"/>
    <col min="6" max="6" width="11.125" style="100" bestFit="1" customWidth="1"/>
    <col min="7" max="7" width="25.5" style="100" customWidth="1"/>
    <col min="8" max="8" width="59.125" style="100" customWidth="1"/>
    <col min="9" max="60" width="4.25" style="1" customWidth="1"/>
    <col min="61" max="16384" width="8.625" style="1"/>
  </cols>
  <sheetData>
    <row r="1" spans="1:60" ht="19.5" customHeight="1" thickBot="1">
      <c r="A1" s="106" t="s">
        <v>42</v>
      </c>
      <c r="B1" s="106"/>
      <c r="C1" s="106"/>
      <c r="D1" s="106"/>
      <c r="E1" s="106"/>
      <c r="F1" s="106"/>
      <c r="G1" s="106"/>
      <c r="H1" s="107"/>
      <c r="I1" s="104">
        <v>46023</v>
      </c>
      <c r="J1" s="105"/>
      <c r="K1" s="105"/>
      <c r="L1" s="108"/>
      <c r="M1" s="104">
        <v>46054</v>
      </c>
      <c r="N1" s="105"/>
      <c r="O1" s="105"/>
      <c r="P1" s="108"/>
      <c r="Q1" s="104">
        <v>46082</v>
      </c>
      <c r="R1" s="105"/>
      <c r="S1" s="105"/>
      <c r="T1" s="105"/>
      <c r="U1" s="108"/>
      <c r="V1" s="104">
        <v>46113</v>
      </c>
      <c r="W1" s="105"/>
      <c r="X1" s="105"/>
      <c r="Y1" s="108"/>
      <c r="Z1" s="104">
        <v>46143</v>
      </c>
      <c r="AA1" s="105"/>
      <c r="AB1" s="105"/>
      <c r="AC1" s="105"/>
      <c r="AD1" s="104">
        <v>46174</v>
      </c>
      <c r="AE1" s="124"/>
      <c r="AF1" s="124"/>
      <c r="AG1" s="124"/>
      <c r="AH1" s="125"/>
      <c r="AI1" s="104">
        <v>46204</v>
      </c>
      <c r="AJ1" s="105"/>
      <c r="AK1" s="105"/>
      <c r="AL1" s="105"/>
      <c r="AM1" s="104">
        <v>46235</v>
      </c>
      <c r="AN1" s="124"/>
      <c r="AO1" s="124"/>
      <c r="AP1" s="124"/>
      <c r="AQ1" s="125"/>
      <c r="AR1" s="104">
        <v>46266</v>
      </c>
      <c r="AS1" s="105"/>
      <c r="AT1" s="105"/>
      <c r="AU1" s="105"/>
      <c r="AV1" s="104">
        <v>46296</v>
      </c>
      <c r="AW1" s="105"/>
      <c r="AX1" s="105"/>
      <c r="AY1" s="105"/>
      <c r="AZ1" s="104">
        <v>46327</v>
      </c>
      <c r="BA1" s="124"/>
      <c r="BB1" s="124"/>
      <c r="BC1" s="124"/>
      <c r="BD1" s="125"/>
      <c r="BE1" s="112">
        <v>46357</v>
      </c>
      <c r="BF1" s="113"/>
      <c r="BG1" s="113"/>
      <c r="BH1" s="114"/>
    </row>
    <row r="2" spans="1:60" ht="65.45">
      <c r="A2" s="106"/>
      <c r="B2" s="106"/>
      <c r="C2" s="106"/>
      <c r="D2" s="106"/>
      <c r="E2" s="106"/>
      <c r="F2" s="106"/>
      <c r="G2" s="106"/>
      <c r="H2" s="107"/>
      <c r="I2" s="5">
        <v>46027</v>
      </c>
      <c r="J2" s="6">
        <v>46034</v>
      </c>
      <c r="K2" s="6">
        <v>46041</v>
      </c>
      <c r="L2" s="7">
        <v>46048</v>
      </c>
      <c r="M2" s="5">
        <v>46055</v>
      </c>
      <c r="N2" s="6">
        <v>46062</v>
      </c>
      <c r="O2" s="6">
        <v>46069</v>
      </c>
      <c r="P2" s="7">
        <v>46076</v>
      </c>
      <c r="Q2" s="5">
        <v>46083</v>
      </c>
      <c r="R2" s="6">
        <v>46090</v>
      </c>
      <c r="S2" s="6">
        <v>46097</v>
      </c>
      <c r="T2" s="6">
        <v>46104</v>
      </c>
      <c r="U2" s="7">
        <v>46111</v>
      </c>
      <c r="V2" s="5">
        <v>46118</v>
      </c>
      <c r="W2" s="6">
        <v>46125</v>
      </c>
      <c r="X2" s="6">
        <v>46132</v>
      </c>
      <c r="Y2" s="7">
        <v>46139</v>
      </c>
      <c r="Z2" s="5">
        <v>46146</v>
      </c>
      <c r="AA2" s="6">
        <v>46153</v>
      </c>
      <c r="AB2" s="6">
        <v>46160</v>
      </c>
      <c r="AC2" s="6">
        <v>46167</v>
      </c>
      <c r="AD2" s="5">
        <v>46174</v>
      </c>
      <c r="AE2" s="6">
        <v>46181</v>
      </c>
      <c r="AF2" s="6">
        <v>46188</v>
      </c>
      <c r="AG2" s="7">
        <v>46195</v>
      </c>
      <c r="AH2" s="8">
        <v>46202</v>
      </c>
      <c r="AI2" s="5">
        <v>46209</v>
      </c>
      <c r="AJ2" s="6">
        <v>46216</v>
      </c>
      <c r="AK2" s="6">
        <v>46223</v>
      </c>
      <c r="AL2" s="7">
        <v>46230</v>
      </c>
      <c r="AM2" s="5">
        <v>46237</v>
      </c>
      <c r="AN2" s="6">
        <v>46244</v>
      </c>
      <c r="AO2" s="6">
        <v>46251</v>
      </c>
      <c r="AP2" s="7">
        <v>46258</v>
      </c>
      <c r="AQ2" s="8">
        <v>46265</v>
      </c>
      <c r="AR2" s="5">
        <v>46272</v>
      </c>
      <c r="AS2" s="6">
        <v>46279</v>
      </c>
      <c r="AT2" s="6">
        <v>46286</v>
      </c>
      <c r="AU2" s="7">
        <v>46293</v>
      </c>
      <c r="AV2" s="8">
        <v>46300</v>
      </c>
      <c r="AW2" s="5">
        <v>46307</v>
      </c>
      <c r="AX2" s="6">
        <v>46314</v>
      </c>
      <c r="AY2" s="6">
        <v>46321</v>
      </c>
      <c r="AZ2" s="7">
        <v>46328</v>
      </c>
      <c r="BA2" s="5">
        <v>46335</v>
      </c>
      <c r="BB2" s="6">
        <v>46342</v>
      </c>
      <c r="BC2" s="6">
        <v>46349</v>
      </c>
      <c r="BD2" s="7">
        <v>46356</v>
      </c>
      <c r="BE2" s="29">
        <v>46363</v>
      </c>
      <c r="BF2" s="30">
        <v>46370</v>
      </c>
      <c r="BG2" s="31">
        <v>46377</v>
      </c>
      <c r="BH2" s="31">
        <v>46384</v>
      </c>
    </row>
    <row r="3" spans="1:60" ht="30" customHeight="1">
      <c r="A3" s="49" t="s">
        <v>43</v>
      </c>
      <c r="B3" s="49" t="s">
        <v>44</v>
      </c>
      <c r="C3" s="50" t="s">
        <v>45</v>
      </c>
      <c r="D3" s="49" t="s">
        <v>24</v>
      </c>
      <c r="E3" s="49" t="s">
        <v>46</v>
      </c>
      <c r="F3" s="49" t="s">
        <v>47</v>
      </c>
      <c r="G3" s="49" t="s">
        <v>48</v>
      </c>
      <c r="H3" s="49" t="s">
        <v>49</v>
      </c>
      <c r="I3" s="2">
        <v>1</v>
      </c>
      <c r="J3" s="2">
        <v>2</v>
      </c>
      <c r="K3" s="2">
        <v>3</v>
      </c>
      <c r="L3" s="2">
        <v>4</v>
      </c>
      <c r="M3" s="2">
        <v>5</v>
      </c>
      <c r="N3" s="2">
        <v>6</v>
      </c>
      <c r="O3" s="2">
        <v>7</v>
      </c>
      <c r="P3" s="2">
        <v>8</v>
      </c>
      <c r="Q3" s="2">
        <v>9</v>
      </c>
      <c r="R3" s="2">
        <v>10</v>
      </c>
      <c r="S3" s="2">
        <v>11</v>
      </c>
      <c r="T3" s="2">
        <v>12</v>
      </c>
      <c r="U3" s="2">
        <v>13</v>
      </c>
      <c r="V3" s="2">
        <v>14</v>
      </c>
      <c r="W3" s="2">
        <v>15</v>
      </c>
      <c r="X3" s="2">
        <v>16</v>
      </c>
      <c r="Y3" s="2">
        <v>17</v>
      </c>
      <c r="Z3" s="2">
        <v>18</v>
      </c>
      <c r="AA3" s="2">
        <v>19</v>
      </c>
      <c r="AB3" s="2">
        <v>20</v>
      </c>
      <c r="AC3" s="2">
        <v>21</v>
      </c>
      <c r="AD3" s="2">
        <v>22</v>
      </c>
      <c r="AE3" s="2">
        <v>23</v>
      </c>
      <c r="AF3" s="2">
        <v>24</v>
      </c>
      <c r="AG3" s="2">
        <v>25</v>
      </c>
      <c r="AH3" s="2">
        <v>26</v>
      </c>
      <c r="AI3" s="2">
        <v>27</v>
      </c>
      <c r="AJ3" s="2">
        <v>28</v>
      </c>
      <c r="AK3" s="2">
        <v>29</v>
      </c>
      <c r="AL3" s="2">
        <v>30</v>
      </c>
      <c r="AM3" s="2">
        <v>31</v>
      </c>
      <c r="AN3" s="2">
        <v>32</v>
      </c>
      <c r="AO3" s="2">
        <v>33</v>
      </c>
      <c r="AP3" s="2">
        <v>34</v>
      </c>
      <c r="AQ3" s="2">
        <v>35</v>
      </c>
      <c r="AR3" s="2">
        <v>36</v>
      </c>
      <c r="AS3" s="2">
        <v>37</v>
      </c>
      <c r="AT3" s="2">
        <v>38</v>
      </c>
      <c r="AU3" s="2">
        <v>39</v>
      </c>
      <c r="AV3" s="2">
        <v>40</v>
      </c>
      <c r="AW3" s="2">
        <v>41</v>
      </c>
      <c r="AX3" s="2">
        <v>42</v>
      </c>
      <c r="AY3" s="2">
        <v>43</v>
      </c>
      <c r="AZ3" s="2">
        <v>44</v>
      </c>
      <c r="BA3" s="2">
        <v>45</v>
      </c>
      <c r="BB3" s="2">
        <v>46</v>
      </c>
      <c r="BC3" s="2">
        <v>47</v>
      </c>
      <c r="BD3" s="2">
        <v>48</v>
      </c>
      <c r="BE3" s="2">
        <v>49</v>
      </c>
      <c r="BF3" s="2">
        <v>50</v>
      </c>
      <c r="BG3" s="2">
        <v>51</v>
      </c>
      <c r="BH3" s="2">
        <v>52</v>
      </c>
    </row>
    <row r="4" spans="1:60" ht="30" customHeight="1">
      <c r="A4" s="115" t="s">
        <v>50</v>
      </c>
      <c r="B4" s="116"/>
      <c r="C4" s="51" t="s">
        <v>51</v>
      </c>
      <c r="D4" s="52" t="s">
        <v>20</v>
      </c>
      <c r="E4" s="53"/>
      <c r="F4" s="53"/>
      <c r="G4" s="54"/>
      <c r="H4" s="55"/>
      <c r="I4" s="25">
        <f>(I$2&gt;=$E4)*AND(I$2&lt;=$F4)</f>
        <v>0</v>
      </c>
      <c r="J4" s="25">
        <f t="shared" ref="J4:BH5" si="0">(J2&gt;=$E4)*AND(J2&lt;=$F4)</f>
        <v>0</v>
      </c>
      <c r="K4" s="25">
        <f t="shared" si="0"/>
        <v>0</v>
      </c>
      <c r="L4" s="25">
        <f t="shared" si="0"/>
        <v>0</v>
      </c>
      <c r="M4" s="25">
        <f t="shared" si="0"/>
        <v>0</v>
      </c>
      <c r="N4" s="25">
        <f t="shared" si="0"/>
        <v>0</v>
      </c>
      <c r="O4" s="25">
        <f t="shared" si="0"/>
        <v>0</v>
      </c>
      <c r="P4" s="25">
        <f t="shared" si="0"/>
        <v>0</v>
      </c>
      <c r="Q4" s="25">
        <f t="shared" si="0"/>
        <v>0</v>
      </c>
      <c r="R4" s="25">
        <f t="shared" si="0"/>
        <v>0</v>
      </c>
      <c r="S4" s="25">
        <f t="shared" si="0"/>
        <v>0</v>
      </c>
      <c r="T4" s="25">
        <f t="shared" si="0"/>
        <v>0</v>
      </c>
      <c r="U4" s="25">
        <f t="shared" si="0"/>
        <v>0</v>
      </c>
      <c r="V4" s="25">
        <f t="shared" si="0"/>
        <v>0</v>
      </c>
      <c r="W4" s="25">
        <f t="shared" si="0"/>
        <v>0</v>
      </c>
      <c r="X4" s="25">
        <f t="shared" si="0"/>
        <v>0</v>
      </c>
      <c r="Y4" s="25">
        <f t="shared" si="0"/>
        <v>0</v>
      </c>
      <c r="Z4" s="25">
        <f t="shared" si="0"/>
        <v>0</v>
      </c>
      <c r="AA4" s="25">
        <f t="shared" si="0"/>
        <v>0</v>
      </c>
      <c r="AB4" s="25">
        <f t="shared" si="0"/>
        <v>0</v>
      </c>
      <c r="AC4" s="25">
        <f t="shared" si="0"/>
        <v>0</v>
      </c>
      <c r="AD4" s="25">
        <f t="shared" si="0"/>
        <v>0</v>
      </c>
      <c r="AE4" s="25">
        <f t="shared" si="0"/>
        <v>0</v>
      </c>
      <c r="AF4" s="25">
        <f t="shared" si="0"/>
        <v>0</v>
      </c>
      <c r="AG4" s="25">
        <f t="shared" si="0"/>
        <v>0</v>
      </c>
      <c r="AH4" s="25">
        <f t="shared" si="0"/>
        <v>0</v>
      </c>
      <c r="AI4" s="25">
        <f t="shared" si="0"/>
        <v>0</v>
      </c>
      <c r="AJ4" s="25">
        <f t="shared" si="0"/>
        <v>0</v>
      </c>
      <c r="AK4" s="25">
        <f t="shared" si="0"/>
        <v>0</v>
      </c>
      <c r="AL4" s="25">
        <f t="shared" si="0"/>
        <v>0</v>
      </c>
      <c r="AM4" s="25">
        <f t="shared" si="0"/>
        <v>0</v>
      </c>
      <c r="AN4" s="25">
        <f t="shared" si="0"/>
        <v>0</v>
      </c>
      <c r="AO4" s="25">
        <f t="shared" si="0"/>
        <v>0</v>
      </c>
      <c r="AP4" s="25">
        <f t="shared" si="0"/>
        <v>0</v>
      </c>
      <c r="AQ4" s="25">
        <f t="shared" si="0"/>
        <v>0</v>
      </c>
      <c r="AR4" s="25">
        <f t="shared" si="0"/>
        <v>0</v>
      </c>
      <c r="AS4" s="25">
        <f t="shared" si="0"/>
        <v>0</v>
      </c>
      <c r="AT4" s="25">
        <f t="shared" si="0"/>
        <v>0</v>
      </c>
      <c r="AU4" s="25">
        <f t="shared" si="0"/>
        <v>0</v>
      </c>
      <c r="AV4" s="25">
        <f t="shared" si="0"/>
        <v>0</v>
      </c>
      <c r="AW4" s="25">
        <f t="shared" si="0"/>
        <v>0</v>
      </c>
      <c r="AX4" s="25">
        <f t="shared" si="0"/>
        <v>0</v>
      </c>
      <c r="AY4" s="25">
        <f t="shared" si="0"/>
        <v>0</v>
      </c>
      <c r="AZ4" s="25">
        <f t="shared" si="0"/>
        <v>0</v>
      </c>
      <c r="BA4" s="25">
        <f t="shared" si="0"/>
        <v>0</v>
      </c>
      <c r="BB4" s="25">
        <f t="shared" si="0"/>
        <v>0</v>
      </c>
      <c r="BC4" s="25">
        <f t="shared" si="0"/>
        <v>0</v>
      </c>
      <c r="BD4" s="25">
        <f t="shared" si="0"/>
        <v>0</v>
      </c>
      <c r="BE4" s="25">
        <f t="shared" si="0"/>
        <v>0</v>
      </c>
      <c r="BF4" s="25">
        <f t="shared" si="0"/>
        <v>0</v>
      </c>
      <c r="BG4" s="25">
        <f t="shared" si="0"/>
        <v>0</v>
      </c>
      <c r="BH4" s="26">
        <f t="shared" si="0"/>
        <v>0</v>
      </c>
    </row>
    <row r="5" spans="1:60" ht="30" customHeight="1">
      <c r="A5" s="115"/>
      <c r="B5" s="116"/>
      <c r="C5" s="51" t="s">
        <v>52</v>
      </c>
      <c r="D5" s="54" t="s">
        <v>20</v>
      </c>
      <c r="E5" s="53"/>
      <c r="F5" s="53"/>
      <c r="G5" s="54"/>
      <c r="H5" s="55"/>
      <c r="I5" s="25">
        <f>(I3&gt;=$E5)*AND(I3&lt;=$F5)</f>
        <v>0</v>
      </c>
      <c r="J5" s="25">
        <f t="shared" si="0"/>
        <v>0</v>
      </c>
      <c r="K5" s="25">
        <f t="shared" si="0"/>
        <v>0</v>
      </c>
      <c r="L5" s="25">
        <f t="shared" si="0"/>
        <v>0</v>
      </c>
      <c r="M5" s="25">
        <f t="shared" si="0"/>
        <v>0</v>
      </c>
      <c r="N5" s="25">
        <f t="shared" si="0"/>
        <v>0</v>
      </c>
      <c r="O5" s="25">
        <f t="shared" si="0"/>
        <v>0</v>
      </c>
      <c r="P5" s="25">
        <f t="shared" si="0"/>
        <v>0</v>
      </c>
      <c r="Q5" s="25">
        <f t="shared" si="0"/>
        <v>0</v>
      </c>
      <c r="R5" s="25">
        <f t="shared" si="0"/>
        <v>0</v>
      </c>
      <c r="S5" s="25">
        <f t="shared" si="0"/>
        <v>0</v>
      </c>
      <c r="T5" s="25">
        <f t="shared" si="0"/>
        <v>0</v>
      </c>
      <c r="U5" s="25">
        <f t="shared" si="0"/>
        <v>0</v>
      </c>
      <c r="V5" s="25">
        <f t="shared" si="0"/>
        <v>0</v>
      </c>
      <c r="W5" s="25">
        <f t="shared" si="0"/>
        <v>0</v>
      </c>
      <c r="X5" s="25">
        <f t="shared" si="0"/>
        <v>0</v>
      </c>
      <c r="Y5" s="25">
        <f t="shared" si="0"/>
        <v>0</v>
      </c>
      <c r="Z5" s="25">
        <f t="shared" si="0"/>
        <v>0</v>
      </c>
      <c r="AA5" s="25">
        <f t="shared" si="0"/>
        <v>0</v>
      </c>
      <c r="AB5" s="25">
        <f t="shared" si="0"/>
        <v>0</v>
      </c>
      <c r="AC5" s="25">
        <f t="shared" si="0"/>
        <v>0</v>
      </c>
      <c r="AD5" s="25">
        <f t="shared" si="0"/>
        <v>0</v>
      </c>
      <c r="AE5" s="25">
        <f t="shared" si="0"/>
        <v>0</v>
      </c>
      <c r="AF5" s="25">
        <f t="shared" si="0"/>
        <v>0</v>
      </c>
      <c r="AG5" s="25">
        <f t="shared" si="0"/>
        <v>0</v>
      </c>
      <c r="AH5" s="25">
        <f t="shared" si="0"/>
        <v>0</v>
      </c>
      <c r="AI5" s="25">
        <f t="shared" si="0"/>
        <v>0</v>
      </c>
      <c r="AJ5" s="25">
        <f t="shared" si="0"/>
        <v>0</v>
      </c>
      <c r="AK5" s="25">
        <f t="shared" si="0"/>
        <v>0</v>
      </c>
      <c r="AL5" s="25">
        <f t="shared" si="0"/>
        <v>0</v>
      </c>
      <c r="AM5" s="25">
        <f t="shared" si="0"/>
        <v>0</v>
      </c>
      <c r="AN5" s="25">
        <f t="shared" si="0"/>
        <v>0</v>
      </c>
      <c r="AO5" s="25">
        <f t="shared" si="0"/>
        <v>0</v>
      </c>
      <c r="AP5" s="25">
        <f t="shared" si="0"/>
        <v>0</v>
      </c>
      <c r="AQ5" s="25">
        <f t="shared" si="0"/>
        <v>0</v>
      </c>
      <c r="AR5" s="25">
        <f t="shared" si="0"/>
        <v>0</v>
      </c>
      <c r="AS5" s="25">
        <f t="shared" si="0"/>
        <v>0</v>
      </c>
      <c r="AT5" s="25">
        <f t="shared" si="0"/>
        <v>0</v>
      </c>
      <c r="AU5" s="25">
        <f t="shared" si="0"/>
        <v>0</v>
      </c>
      <c r="AV5" s="25">
        <f t="shared" si="0"/>
        <v>0</v>
      </c>
      <c r="AW5" s="25">
        <f t="shared" si="0"/>
        <v>0</v>
      </c>
      <c r="AX5" s="25">
        <f t="shared" si="0"/>
        <v>0</v>
      </c>
      <c r="AY5" s="25">
        <f t="shared" si="0"/>
        <v>0</v>
      </c>
      <c r="AZ5" s="25">
        <f t="shared" si="0"/>
        <v>0</v>
      </c>
      <c r="BA5" s="25">
        <f t="shared" si="0"/>
        <v>0</v>
      </c>
      <c r="BB5" s="25">
        <f t="shared" si="0"/>
        <v>0</v>
      </c>
      <c r="BC5" s="25">
        <f t="shared" si="0"/>
        <v>0</v>
      </c>
      <c r="BD5" s="25">
        <f t="shared" si="0"/>
        <v>0</v>
      </c>
      <c r="BE5" s="25">
        <f t="shared" si="0"/>
        <v>0</v>
      </c>
      <c r="BF5" s="25">
        <f t="shared" si="0"/>
        <v>0</v>
      </c>
      <c r="BG5" s="25">
        <f t="shared" si="0"/>
        <v>0</v>
      </c>
      <c r="BH5" s="26">
        <f t="shared" si="0"/>
        <v>0</v>
      </c>
    </row>
    <row r="6" spans="1:60" ht="30" customHeight="1">
      <c r="A6" s="115"/>
      <c r="B6" s="116"/>
      <c r="C6" s="51" t="s">
        <v>18</v>
      </c>
      <c r="D6" s="54" t="s">
        <v>20</v>
      </c>
      <c r="E6" s="53"/>
      <c r="F6" s="53"/>
      <c r="G6" s="54"/>
      <c r="H6" s="55"/>
      <c r="I6" s="25">
        <f t="shared" ref="I6:BH6" si="1">(I2&gt;=$E6)*AND(I2&lt;=$F6)</f>
        <v>0</v>
      </c>
      <c r="J6" s="25">
        <f t="shared" si="1"/>
        <v>0</v>
      </c>
      <c r="K6" s="25">
        <f t="shared" si="1"/>
        <v>0</v>
      </c>
      <c r="L6" s="25">
        <f t="shared" si="1"/>
        <v>0</v>
      </c>
      <c r="M6" s="25">
        <f t="shared" si="1"/>
        <v>0</v>
      </c>
      <c r="N6" s="25">
        <f t="shared" si="1"/>
        <v>0</v>
      </c>
      <c r="O6" s="25">
        <f t="shared" si="1"/>
        <v>0</v>
      </c>
      <c r="P6" s="25">
        <f t="shared" si="1"/>
        <v>0</v>
      </c>
      <c r="Q6" s="25">
        <f t="shared" si="1"/>
        <v>0</v>
      </c>
      <c r="R6" s="25">
        <f t="shared" si="1"/>
        <v>0</v>
      </c>
      <c r="S6" s="25">
        <f t="shared" si="1"/>
        <v>0</v>
      </c>
      <c r="T6" s="25">
        <f t="shared" si="1"/>
        <v>0</v>
      </c>
      <c r="U6" s="25">
        <f t="shared" si="1"/>
        <v>0</v>
      </c>
      <c r="V6" s="25">
        <f t="shared" si="1"/>
        <v>0</v>
      </c>
      <c r="W6" s="25">
        <f t="shared" si="1"/>
        <v>0</v>
      </c>
      <c r="X6" s="25">
        <f t="shared" si="1"/>
        <v>0</v>
      </c>
      <c r="Y6" s="25">
        <f t="shared" si="1"/>
        <v>0</v>
      </c>
      <c r="Z6" s="25">
        <f t="shared" si="1"/>
        <v>0</v>
      </c>
      <c r="AA6" s="25">
        <f t="shared" si="1"/>
        <v>0</v>
      </c>
      <c r="AB6" s="25">
        <f t="shared" si="1"/>
        <v>0</v>
      </c>
      <c r="AC6" s="25">
        <f t="shared" si="1"/>
        <v>0</v>
      </c>
      <c r="AD6" s="25">
        <f t="shared" si="1"/>
        <v>0</v>
      </c>
      <c r="AE6" s="25">
        <f t="shared" si="1"/>
        <v>0</v>
      </c>
      <c r="AF6" s="25">
        <f t="shared" si="1"/>
        <v>0</v>
      </c>
      <c r="AG6" s="25">
        <f t="shared" si="1"/>
        <v>0</v>
      </c>
      <c r="AH6" s="25">
        <f t="shared" si="1"/>
        <v>0</v>
      </c>
      <c r="AI6" s="25">
        <f t="shared" si="1"/>
        <v>0</v>
      </c>
      <c r="AJ6" s="25">
        <f t="shared" si="1"/>
        <v>0</v>
      </c>
      <c r="AK6" s="25">
        <f t="shared" si="1"/>
        <v>0</v>
      </c>
      <c r="AL6" s="25">
        <f t="shared" si="1"/>
        <v>0</v>
      </c>
      <c r="AM6" s="25">
        <f t="shared" si="1"/>
        <v>0</v>
      </c>
      <c r="AN6" s="25">
        <f t="shared" si="1"/>
        <v>0</v>
      </c>
      <c r="AO6" s="25">
        <f t="shared" si="1"/>
        <v>0</v>
      </c>
      <c r="AP6" s="25">
        <f t="shared" si="1"/>
        <v>0</v>
      </c>
      <c r="AQ6" s="25">
        <f t="shared" si="1"/>
        <v>0</v>
      </c>
      <c r="AR6" s="25">
        <f t="shared" si="1"/>
        <v>0</v>
      </c>
      <c r="AS6" s="25">
        <f t="shared" si="1"/>
        <v>0</v>
      </c>
      <c r="AT6" s="25">
        <f t="shared" si="1"/>
        <v>0</v>
      </c>
      <c r="AU6" s="25">
        <f t="shared" si="1"/>
        <v>0</v>
      </c>
      <c r="AV6" s="25">
        <f t="shared" si="1"/>
        <v>0</v>
      </c>
      <c r="AW6" s="25">
        <f t="shared" si="1"/>
        <v>0</v>
      </c>
      <c r="AX6" s="25">
        <f t="shared" si="1"/>
        <v>0</v>
      </c>
      <c r="AY6" s="25">
        <f t="shared" si="1"/>
        <v>0</v>
      </c>
      <c r="AZ6" s="25">
        <f t="shared" si="1"/>
        <v>0</v>
      </c>
      <c r="BA6" s="25">
        <f t="shared" si="1"/>
        <v>0</v>
      </c>
      <c r="BB6" s="25">
        <f t="shared" si="1"/>
        <v>0</v>
      </c>
      <c r="BC6" s="25">
        <f t="shared" si="1"/>
        <v>0</v>
      </c>
      <c r="BD6" s="25">
        <f t="shared" si="1"/>
        <v>0</v>
      </c>
      <c r="BE6" s="25">
        <f t="shared" si="1"/>
        <v>0</v>
      </c>
      <c r="BF6" s="25">
        <f t="shared" si="1"/>
        <v>0</v>
      </c>
      <c r="BG6" s="25">
        <f t="shared" si="1"/>
        <v>0</v>
      </c>
      <c r="BH6" s="26">
        <f t="shared" si="1"/>
        <v>0</v>
      </c>
    </row>
    <row r="7" spans="1:60" ht="30" customHeight="1">
      <c r="A7" s="115"/>
      <c r="B7" s="116"/>
      <c r="C7" s="51" t="s">
        <v>53</v>
      </c>
      <c r="D7" s="54" t="s">
        <v>20</v>
      </c>
      <c r="E7" s="56"/>
      <c r="F7" s="56"/>
      <c r="G7" s="54"/>
      <c r="H7" s="55"/>
      <c r="I7" s="25">
        <f t="shared" ref="I7:BH7" si="2">(I2&gt;=$E7)*AND(I2&lt;=$F7)</f>
        <v>0</v>
      </c>
      <c r="J7" s="25">
        <f t="shared" si="2"/>
        <v>0</v>
      </c>
      <c r="K7" s="25">
        <f t="shared" si="2"/>
        <v>0</v>
      </c>
      <c r="L7" s="25">
        <f t="shared" si="2"/>
        <v>0</v>
      </c>
      <c r="M7" s="25">
        <f t="shared" si="2"/>
        <v>0</v>
      </c>
      <c r="N7" s="25">
        <f t="shared" si="2"/>
        <v>0</v>
      </c>
      <c r="O7" s="25">
        <f t="shared" si="2"/>
        <v>0</v>
      </c>
      <c r="P7" s="25">
        <f t="shared" si="2"/>
        <v>0</v>
      </c>
      <c r="Q7" s="25">
        <f t="shared" si="2"/>
        <v>0</v>
      </c>
      <c r="R7" s="25">
        <f t="shared" si="2"/>
        <v>0</v>
      </c>
      <c r="S7" s="25">
        <f t="shared" si="2"/>
        <v>0</v>
      </c>
      <c r="T7" s="25">
        <f t="shared" si="2"/>
        <v>0</v>
      </c>
      <c r="U7" s="25">
        <f t="shared" si="2"/>
        <v>0</v>
      </c>
      <c r="V7" s="25">
        <f t="shared" si="2"/>
        <v>0</v>
      </c>
      <c r="W7" s="25">
        <f t="shared" si="2"/>
        <v>0</v>
      </c>
      <c r="X7" s="25">
        <f t="shared" si="2"/>
        <v>0</v>
      </c>
      <c r="Y7" s="25">
        <f t="shared" si="2"/>
        <v>0</v>
      </c>
      <c r="Z7" s="25">
        <f t="shared" si="2"/>
        <v>0</v>
      </c>
      <c r="AA7" s="25">
        <f t="shared" si="2"/>
        <v>0</v>
      </c>
      <c r="AB7" s="25">
        <f t="shared" si="2"/>
        <v>0</v>
      </c>
      <c r="AC7" s="25">
        <f t="shared" si="2"/>
        <v>0</v>
      </c>
      <c r="AD7" s="25">
        <f t="shared" si="2"/>
        <v>0</v>
      </c>
      <c r="AE7" s="25">
        <f t="shared" si="2"/>
        <v>0</v>
      </c>
      <c r="AF7" s="25">
        <f t="shared" si="2"/>
        <v>0</v>
      </c>
      <c r="AG7" s="25">
        <f t="shared" si="2"/>
        <v>0</v>
      </c>
      <c r="AH7" s="25">
        <f t="shared" si="2"/>
        <v>0</v>
      </c>
      <c r="AI7" s="25">
        <f t="shared" si="2"/>
        <v>0</v>
      </c>
      <c r="AJ7" s="25">
        <f t="shared" si="2"/>
        <v>0</v>
      </c>
      <c r="AK7" s="25">
        <f t="shared" si="2"/>
        <v>0</v>
      </c>
      <c r="AL7" s="25">
        <f t="shared" si="2"/>
        <v>0</v>
      </c>
      <c r="AM7" s="25">
        <f t="shared" si="2"/>
        <v>0</v>
      </c>
      <c r="AN7" s="25">
        <f t="shared" si="2"/>
        <v>0</v>
      </c>
      <c r="AO7" s="25">
        <f t="shared" si="2"/>
        <v>0</v>
      </c>
      <c r="AP7" s="25">
        <f t="shared" si="2"/>
        <v>0</v>
      </c>
      <c r="AQ7" s="25">
        <f t="shared" si="2"/>
        <v>0</v>
      </c>
      <c r="AR7" s="25">
        <f t="shared" si="2"/>
        <v>0</v>
      </c>
      <c r="AS7" s="25">
        <f t="shared" si="2"/>
        <v>0</v>
      </c>
      <c r="AT7" s="25">
        <f t="shared" si="2"/>
        <v>0</v>
      </c>
      <c r="AU7" s="25">
        <f t="shared" si="2"/>
        <v>0</v>
      </c>
      <c r="AV7" s="25">
        <f t="shared" si="2"/>
        <v>0</v>
      </c>
      <c r="AW7" s="25">
        <f t="shared" si="2"/>
        <v>0</v>
      </c>
      <c r="AX7" s="25">
        <f t="shared" si="2"/>
        <v>0</v>
      </c>
      <c r="AY7" s="25">
        <f t="shared" si="2"/>
        <v>0</v>
      </c>
      <c r="AZ7" s="25">
        <f t="shared" si="2"/>
        <v>0</v>
      </c>
      <c r="BA7" s="25">
        <f t="shared" si="2"/>
        <v>0</v>
      </c>
      <c r="BB7" s="25">
        <f t="shared" si="2"/>
        <v>0</v>
      </c>
      <c r="BC7" s="25">
        <f t="shared" si="2"/>
        <v>0</v>
      </c>
      <c r="BD7" s="25">
        <f t="shared" si="2"/>
        <v>0</v>
      </c>
      <c r="BE7" s="25">
        <f t="shared" si="2"/>
        <v>0</v>
      </c>
      <c r="BF7" s="25">
        <f t="shared" si="2"/>
        <v>0</v>
      </c>
      <c r="BG7" s="25">
        <f t="shared" si="2"/>
        <v>0</v>
      </c>
      <c r="BH7" s="26">
        <f t="shared" si="2"/>
        <v>0</v>
      </c>
    </row>
    <row r="8" spans="1:60" ht="30" customHeight="1">
      <c r="A8" s="57" t="s">
        <v>54</v>
      </c>
      <c r="B8" s="57"/>
      <c r="C8" s="58" t="s">
        <v>51</v>
      </c>
      <c r="D8" s="52" t="s">
        <v>20</v>
      </c>
      <c r="E8" s="59"/>
      <c r="F8" s="59"/>
      <c r="G8" s="60"/>
      <c r="H8" s="61"/>
      <c r="I8" s="25">
        <f t="shared" ref="I8:BH8" si="3">(I2&gt;=$E8)*AND(I2&lt;=$F8)</f>
        <v>0</v>
      </c>
      <c r="J8" s="25">
        <f t="shared" si="3"/>
        <v>0</v>
      </c>
      <c r="K8" s="25">
        <f t="shared" si="3"/>
        <v>0</v>
      </c>
      <c r="L8" s="25">
        <f t="shared" si="3"/>
        <v>0</v>
      </c>
      <c r="M8" s="25">
        <f t="shared" si="3"/>
        <v>0</v>
      </c>
      <c r="N8" s="25">
        <f t="shared" si="3"/>
        <v>0</v>
      </c>
      <c r="O8" s="25">
        <f t="shared" si="3"/>
        <v>0</v>
      </c>
      <c r="P8" s="25">
        <f t="shared" si="3"/>
        <v>0</v>
      </c>
      <c r="Q8" s="25">
        <f t="shared" si="3"/>
        <v>0</v>
      </c>
      <c r="R8" s="25">
        <f t="shared" si="3"/>
        <v>0</v>
      </c>
      <c r="S8" s="25">
        <f t="shared" si="3"/>
        <v>0</v>
      </c>
      <c r="T8" s="25">
        <f t="shared" si="3"/>
        <v>0</v>
      </c>
      <c r="U8" s="25">
        <f t="shared" si="3"/>
        <v>0</v>
      </c>
      <c r="V8" s="25">
        <f t="shared" si="3"/>
        <v>0</v>
      </c>
      <c r="W8" s="25">
        <f t="shared" si="3"/>
        <v>0</v>
      </c>
      <c r="X8" s="25">
        <f t="shared" si="3"/>
        <v>0</v>
      </c>
      <c r="Y8" s="25">
        <f t="shared" si="3"/>
        <v>0</v>
      </c>
      <c r="Z8" s="25">
        <f t="shared" si="3"/>
        <v>0</v>
      </c>
      <c r="AA8" s="25">
        <f t="shared" si="3"/>
        <v>0</v>
      </c>
      <c r="AB8" s="25">
        <f t="shared" si="3"/>
        <v>0</v>
      </c>
      <c r="AC8" s="25">
        <f t="shared" si="3"/>
        <v>0</v>
      </c>
      <c r="AD8" s="25">
        <f t="shared" si="3"/>
        <v>0</v>
      </c>
      <c r="AE8" s="25">
        <f t="shared" si="3"/>
        <v>0</v>
      </c>
      <c r="AF8" s="25">
        <f t="shared" si="3"/>
        <v>0</v>
      </c>
      <c r="AG8" s="25">
        <f t="shared" si="3"/>
        <v>0</v>
      </c>
      <c r="AH8" s="25">
        <f t="shared" si="3"/>
        <v>0</v>
      </c>
      <c r="AI8" s="25">
        <f t="shared" si="3"/>
        <v>0</v>
      </c>
      <c r="AJ8" s="25">
        <f t="shared" si="3"/>
        <v>0</v>
      </c>
      <c r="AK8" s="25">
        <f t="shared" si="3"/>
        <v>0</v>
      </c>
      <c r="AL8" s="25">
        <f t="shared" si="3"/>
        <v>0</v>
      </c>
      <c r="AM8" s="25">
        <f t="shared" si="3"/>
        <v>0</v>
      </c>
      <c r="AN8" s="25">
        <f t="shared" si="3"/>
        <v>0</v>
      </c>
      <c r="AO8" s="25">
        <f t="shared" si="3"/>
        <v>0</v>
      </c>
      <c r="AP8" s="25">
        <f t="shared" si="3"/>
        <v>0</v>
      </c>
      <c r="AQ8" s="25">
        <f t="shared" si="3"/>
        <v>0</v>
      </c>
      <c r="AR8" s="25">
        <f t="shared" si="3"/>
        <v>0</v>
      </c>
      <c r="AS8" s="25">
        <f t="shared" si="3"/>
        <v>0</v>
      </c>
      <c r="AT8" s="25">
        <f t="shared" si="3"/>
        <v>0</v>
      </c>
      <c r="AU8" s="25">
        <f t="shared" si="3"/>
        <v>0</v>
      </c>
      <c r="AV8" s="25">
        <f t="shared" si="3"/>
        <v>0</v>
      </c>
      <c r="AW8" s="25">
        <f t="shared" si="3"/>
        <v>0</v>
      </c>
      <c r="AX8" s="25">
        <f t="shared" si="3"/>
        <v>0</v>
      </c>
      <c r="AY8" s="25">
        <f t="shared" si="3"/>
        <v>0</v>
      </c>
      <c r="AZ8" s="25">
        <f t="shared" si="3"/>
        <v>0</v>
      </c>
      <c r="BA8" s="25">
        <f t="shared" si="3"/>
        <v>0</v>
      </c>
      <c r="BB8" s="25">
        <f t="shared" si="3"/>
        <v>0</v>
      </c>
      <c r="BC8" s="25">
        <f t="shared" si="3"/>
        <v>0</v>
      </c>
      <c r="BD8" s="25">
        <f t="shared" si="3"/>
        <v>0</v>
      </c>
      <c r="BE8" s="25">
        <f t="shared" si="3"/>
        <v>0</v>
      </c>
      <c r="BF8" s="25">
        <f t="shared" si="3"/>
        <v>0</v>
      </c>
      <c r="BG8" s="25">
        <f t="shared" si="3"/>
        <v>0</v>
      </c>
      <c r="BH8" s="25">
        <f t="shared" si="3"/>
        <v>0</v>
      </c>
    </row>
    <row r="9" spans="1:60" ht="30" customHeight="1">
      <c r="A9" s="117" t="s">
        <v>55</v>
      </c>
      <c r="B9" s="119" t="s">
        <v>56</v>
      </c>
      <c r="C9" s="58" t="s">
        <v>27</v>
      </c>
      <c r="D9" s="60" t="s">
        <v>20</v>
      </c>
      <c r="E9" s="59"/>
      <c r="F9" s="59"/>
      <c r="G9" s="60"/>
      <c r="H9" s="61"/>
      <c r="I9" s="25">
        <f t="shared" ref="I9:BH9" si="4">(I2&gt;=$E9)*AND(I2&lt;=$F9)</f>
        <v>0</v>
      </c>
      <c r="J9" s="25">
        <f t="shared" si="4"/>
        <v>0</v>
      </c>
      <c r="K9" s="25">
        <f t="shared" si="4"/>
        <v>0</v>
      </c>
      <c r="L9" s="25">
        <f t="shared" si="4"/>
        <v>0</v>
      </c>
      <c r="M9" s="25">
        <f t="shared" si="4"/>
        <v>0</v>
      </c>
      <c r="N9" s="25">
        <f t="shared" si="4"/>
        <v>0</v>
      </c>
      <c r="O9" s="25">
        <f t="shared" si="4"/>
        <v>0</v>
      </c>
      <c r="P9" s="25">
        <f t="shared" si="4"/>
        <v>0</v>
      </c>
      <c r="Q9" s="25">
        <f t="shared" si="4"/>
        <v>0</v>
      </c>
      <c r="R9" s="25">
        <f t="shared" si="4"/>
        <v>0</v>
      </c>
      <c r="S9" s="25">
        <f t="shared" si="4"/>
        <v>0</v>
      </c>
      <c r="T9" s="25">
        <f t="shared" si="4"/>
        <v>0</v>
      </c>
      <c r="U9" s="25">
        <f t="shared" si="4"/>
        <v>0</v>
      </c>
      <c r="V9" s="25">
        <f t="shared" si="4"/>
        <v>0</v>
      </c>
      <c r="W9" s="25">
        <f t="shared" si="4"/>
        <v>0</v>
      </c>
      <c r="X9" s="25">
        <f t="shared" si="4"/>
        <v>0</v>
      </c>
      <c r="Y9" s="25">
        <f t="shared" si="4"/>
        <v>0</v>
      </c>
      <c r="Z9" s="25">
        <f t="shared" si="4"/>
        <v>0</v>
      </c>
      <c r="AA9" s="25">
        <f t="shared" si="4"/>
        <v>0</v>
      </c>
      <c r="AB9" s="25">
        <f t="shared" si="4"/>
        <v>0</v>
      </c>
      <c r="AC9" s="25">
        <f t="shared" si="4"/>
        <v>0</v>
      </c>
      <c r="AD9" s="25">
        <f t="shared" si="4"/>
        <v>0</v>
      </c>
      <c r="AE9" s="25">
        <f t="shared" si="4"/>
        <v>0</v>
      </c>
      <c r="AF9" s="25">
        <f t="shared" si="4"/>
        <v>0</v>
      </c>
      <c r="AG9" s="25">
        <f t="shared" si="4"/>
        <v>0</v>
      </c>
      <c r="AH9" s="25">
        <f t="shared" si="4"/>
        <v>0</v>
      </c>
      <c r="AI9" s="25">
        <f t="shared" si="4"/>
        <v>0</v>
      </c>
      <c r="AJ9" s="25">
        <f t="shared" si="4"/>
        <v>0</v>
      </c>
      <c r="AK9" s="25">
        <f t="shared" si="4"/>
        <v>0</v>
      </c>
      <c r="AL9" s="25">
        <f t="shared" si="4"/>
        <v>0</v>
      </c>
      <c r="AM9" s="25">
        <f t="shared" si="4"/>
        <v>0</v>
      </c>
      <c r="AN9" s="25">
        <f t="shared" si="4"/>
        <v>0</v>
      </c>
      <c r="AO9" s="25">
        <f t="shared" si="4"/>
        <v>0</v>
      </c>
      <c r="AP9" s="25">
        <f t="shared" si="4"/>
        <v>0</v>
      </c>
      <c r="AQ9" s="25">
        <f t="shared" si="4"/>
        <v>0</v>
      </c>
      <c r="AR9" s="25">
        <f t="shared" si="4"/>
        <v>0</v>
      </c>
      <c r="AS9" s="25">
        <f t="shared" si="4"/>
        <v>0</v>
      </c>
      <c r="AT9" s="25">
        <f t="shared" si="4"/>
        <v>0</v>
      </c>
      <c r="AU9" s="25">
        <f t="shared" si="4"/>
        <v>0</v>
      </c>
      <c r="AV9" s="25">
        <f t="shared" si="4"/>
        <v>0</v>
      </c>
      <c r="AW9" s="25">
        <f t="shared" si="4"/>
        <v>0</v>
      </c>
      <c r="AX9" s="25">
        <f t="shared" si="4"/>
        <v>0</v>
      </c>
      <c r="AY9" s="25">
        <f t="shared" si="4"/>
        <v>0</v>
      </c>
      <c r="AZ9" s="25">
        <f t="shared" si="4"/>
        <v>0</v>
      </c>
      <c r="BA9" s="25">
        <f t="shared" si="4"/>
        <v>0</v>
      </c>
      <c r="BB9" s="25">
        <f t="shared" si="4"/>
        <v>0</v>
      </c>
      <c r="BC9" s="25">
        <f t="shared" si="4"/>
        <v>0</v>
      </c>
      <c r="BD9" s="25">
        <f t="shared" si="4"/>
        <v>0</v>
      </c>
      <c r="BE9" s="25">
        <f t="shared" si="4"/>
        <v>0</v>
      </c>
      <c r="BF9" s="25">
        <f t="shared" si="4"/>
        <v>0</v>
      </c>
      <c r="BG9" s="25">
        <f t="shared" si="4"/>
        <v>0</v>
      </c>
      <c r="BH9" s="26">
        <f t="shared" si="4"/>
        <v>0</v>
      </c>
    </row>
    <row r="10" spans="1:60" ht="30" customHeight="1">
      <c r="A10" s="118"/>
      <c r="B10" s="119"/>
      <c r="C10" s="58" t="s">
        <v>57</v>
      </c>
      <c r="D10" s="60" t="s">
        <v>20</v>
      </c>
      <c r="E10" s="59"/>
      <c r="F10" s="59"/>
      <c r="G10" s="60"/>
      <c r="H10" s="61"/>
      <c r="I10" s="25">
        <f t="shared" ref="I10:BH10" si="5">(I2&gt;=$E10)*AND(I2&lt;=$F10)</f>
        <v>0</v>
      </c>
      <c r="J10" s="25">
        <f t="shared" si="5"/>
        <v>0</v>
      </c>
      <c r="K10" s="25">
        <f t="shared" si="5"/>
        <v>0</v>
      </c>
      <c r="L10" s="25">
        <f t="shared" si="5"/>
        <v>0</v>
      </c>
      <c r="M10" s="25">
        <f t="shared" si="5"/>
        <v>0</v>
      </c>
      <c r="N10" s="25">
        <f t="shared" si="5"/>
        <v>0</v>
      </c>
      <c r="O10" s="25">
        <f t="shared" si="5"/>
        <v>0</v>
      </c>
      <c r="P10" s="25">
        <f t="shared" si="5"/>
        <v>0</v>
      </c>
      <c r="Q10" s="25">
        <f t="shared" si="5"/>
        <v>0</v>
      </c>
      <c r="R10" s="25">
        <f t="shared" si="5"/>
        <v>0</v>
      </c>
      <c r="S10" s="25">
        <f t="shared" si="5"/>
        <v>0</v>
      </c>
      <c r="T10" s="25">
        <f t="shared" si="5"/>
        <v>0</v>
      </c>
      <c r="U10" s="25">
        <f t="shared" si="5"/>
        <v>0</v>
      </c>
      <c r="V10" s="25">
        <f t="shared" si="5"/>
        <v>0</v>
      </c>
      <c r="W10" s="25">
        <f t="shared" si="5"/>
        <v>0</v>
      </c>
      <c r="X10" s="25">
        <f t="shared" si="5"/>
        <v>0</v>
      </c>
      <c r="Y10" s="25">
        <f t="shared" si="5"/>
        <v>0</v>
      </c>
      <c r="Z10" s="25">
        <f t="shared" si="5"/>
        <v>0</v>
      </c>
      <c r="AA10" s="25">
        <f t="shared" si="5"/>
        <v>0</v>
      </c>
      <c r="AB10" s="25">
        <f t="shared" si="5"/>
        <v>0</v>
      </c>
      <c r="AC10" s="25">
        <f t="shared" si="5"/>
        <v>0</v>
      </c>
      <c r="AD10" s="25">
        <f t="shared" si="5"/>
        <v>0</v>
      </c>
      <c r="AE10" s="25">
        <f t="shared" si="5"/>
        <v>0</v>
      </c>
      <c r="AF10" s="25">
        <f t="shared" si="5"/>
        <v>0</v>
      </c>
      <c r="AG10" s="25">
        <f t="shared" si="5"/>
        <v>0</v>
      </c>
      <c r="AH10" s="25">
        <f t="shared" si="5"/>
        <v>0</v>
      </c>
      <c r="AI10" s="25">
        <f t="shared" si="5"/>
        <v>0</v>
      </c>
      <c r="AJ10" s="25">
        <f t="shared" si="5"/>
        <v>0</v>
      </c>
      <c r="AK10" s="25">
        <f t="shared" si="5"/>
        <v>0</v>
      </c>
      <c r="AL10" s="25">
        <f t="shared" si="5"/>
        <v>0</v>
      </c>
      <c r="AM10" s="25">
        <f t="shared" si="5"/>
        <v>0</v>
      </c>
      <c r="AN10" s="25">
        <f t="shared" si="5"/>
        <v>0</v>
      </c>
      <c r="AO10" s="25">
        <f t="shared" si="5"/>
        <v>0</v>
      </c>
      <c r="AP10" s="25">
        <f t="shared" si="5"/>
        <v>0</v>
      </c>
      <c r="AQ10" s="25">
        <f t="shared" si="5"/>
        <v>0</v>
      </c>
      <c r="AR10" s="25">
        <f t="shared" si="5"/>
        <v>0</v>
      </c>
      <c r="AS10" s="25">
        <f t="shared" si="5"/>
        <v>0</v>
      </c>
      <c r="AT10" s="25">
        <f t="shared" si="5"/>
        <v>0</v>
      </c>
      <c r="AU10" s="25">
        <f t="shared" si="5"/>
        <v>0</v>
      </c>
      <c r="AV10" s="25">
        <f t="shared" si="5"/>
        <v>0</v>
      </c>
      <c r="AW10" s="25">
        <f t="shared" si="5"/>
        <v>0</v>
      </c>
      <c r="AX10" s="25">
        <f t="shared" si="5"/>
        <v>0</v>
      </c>
      <c r="AY10" s="25">
        <f t="shared" si="5"/>
        <v>0</v>
      </c>
      <c r="AZ10" s="25">
        <f t="shared" si="5"/>
        <v>0</v>
      </c>
      <c r="BA10" s="25">
        <f t="shared" si="5"/>
        <v>0</v>
      </c>
      <c r="BB10" s="25">
        <f t="shared" si="5"/>
        <v>0</v>
      </c>
      <c r="BC10" s="25">
        <f t="shared" si="5"/>
        <v>0</v>
      </c>
      <c r="BD10" s="25">
        <f t="shared" si="5"/>
        <v>0</v>
      </c>
      <c r="BE10" s="25">
        <f t="shared" si="5"/>
        <v>0</v>
      </c>
      <c r="BF10" s="25">
        <f t="shared" si="5"/>
        <v>0</v>
      </c>
      <c r="BG10" s="25">
        <f t="shared" si="5"/>
        <v>0</v>
      </c>
      <c r="BH10" s="26">
        <f t="shared" si="5"/>
        <v>0</v>
      </c>
    </row>
    <row r="11" spans="1:60" ht="30" customHeight="1">
      <c r="A11" s="118"/>
      <c r="B11" s="119"/>
      <c r="C11" s="58" t="s">
        <v>58</v>
      </c>
      <c r="D11" s="60" t="s">
        <v>20</v>
      </c>
      <c r="E11" s="59"/>
      <c r="F11" s="59"/>
      <c r="G11" s="60"/>
      <c r="H11" s="61"/>
      <c r="I11" s="25">
        <f t="shared" ref="I11:BH11" si="6">(I2&gt;=$E11)*AND(I2&lt;=$F11)</f>
        <v>0</v>
      </c>
      <c r="J11" s="25">
        <f t="shared" si="6"/>
        <v>0</v>
      </c>
      <c r="K11" s="25">
        <f t="shared" si="6"/>
        <v>0</v>
      </c>
      <c r="L11" s="25">
        <f t="shared" si="6"/>
        <v>0</v>
      </c>
      <c r="M11" s="25">
        <f t="shared" si="6"/>
        <v>0</v>
      </c>
      <c r="N11" s="25">
        <f t="shared" si="6"/>
        <v>0</v>
      </c>
      <c r="O11" s="25">
        <f t="shared" si="6"/>
        <v>0</v>
      </c>
      <c r="P11" s="25">
        <f t="shared" si="6"/>
        <v>0</v>
      </c>
      <c r="Q11" s="25">
        <f t="shared" si="6"/>
        <v>0</v>
      </c>
      <c r="R11" s="25">
        <f t="shared" si="6"/>
        <v>0</v>
      </c>
      <c r="S11" s="25">
        <f t="shared" si="6"/>
        <v>0</v>
      </c>
      <c r="T11" s="25">
        <f t="shared" si="6"/>
        <v>0</v>
      </c>
      <c r="U11" s="25">
        <f t="shared" si="6"/>
        <v>0</v>
      </c>
      <c r="V11" s="25">
        <f t="shared" si="6"/>
        <v>0</v>
      </c>
      <c r="W11" s="25">
        <f t="shared" si="6"/>
        <v>0</v>
      </c>
      <c r="X11" s="25">
        <f t="shared" si="6"/>
        <v>0</v>
      </c>
      <c r="Y11" s="25">
        <f t="shared" si="6"/>
        <v>0</v>
      </c>
      <c r="Z11" s="25">
        <f t="shared" si="6"/>
        <v>0</v>
      </c>
      <c r="AA11" s="25">
        <f t="shared" si="6"/>
        <v>0</v>
      </c>
      <c r="AB11" s="25">
        <f t="shared" si="6"/>
        <v>0</v>
      </c>
      <c r="AC11" s="25">
        <f t="shared" si="6"/>
        <v>0</v>
      </c>
      <c r="AD11" s="25">
        <f t="shared" si="6"/>
        <v>0</v>
      </c>
      <c r="AE11" s="25">
        <f t="shared" si="6"/>
        <v>0</v>
      </c>
      <c r="AF11" s="25">
        <f t="shared" si="6"/>
        <v>0</v>
      </c>
      <c r="AG11" s="25">
        <f t="shared" si="6"/>
        <v>0</v>
      </c>
      <c r="AH11" s="25">
        <f t="shared" si="6"/>
        <v>0</v>
      </c>
      <c r="AI11" s="25">
        <f t="shared" si="6"/>
        <v>0</v>
      </c>
      <c r="AJ11" s="25">
        <f t="shared" si="6"/>
        <v>0</v>
      </c>
      <c r="AK11" s="25">
        <f t="shared" si="6"/>
        <v>0</v>
      </c>
      <c r="AL11" s="25">
        <f t="shared" si="6"/>
        <v>0</v>
      </c>
      <c r="AM11" s="25">
        <f t="shared" si="6"/>
        <v>0</v>
      </c>
      <c r="AN11" s="25">
        <f t="shared" si="6"/>
        <v>0</v>
      </c>
      <c r="AO11" s="25">
        <f t="shared" si="6"/>
        <v>0</v>
      </c>
      <c r="AP11" s="25">
        <f t="shared" si="6"/>
        <v>0</v>
      </c>
      <c r="AQ11" s="25">
        <f t="shared" si="6"/>
        <v>0</v>
      </c>
      <c r="AR11" s="25">
        <f t="shared" si="6"/>
        <v>0</v>
      </c>
      <c r="AS11" s="25">
        <f t="shared" si="6"/>
        <v>0</v>
      </c>
      <c r="AT11" s="25">
        <f t="shared" si="6"/>
        <v>0</v>
      </c>
      <c r="AU11" s="25">
        <f t="shared" si="6"/>
        <v>0</v>
      </c>
      <c r="AV11" s="25">
        <f t="shared" si="6"/>
        <v>0</v>
      </c>
      <c r="AW11" s="25">
        <f t="shared" si="6"/>
        <v>0</v>
      </c>
      <c r="AX11" s="25">
        <f t="shared" si="6"/>
        <v>0</v>
      </c>
      <c r="AY11" s="25">
        <f t="shared" si="6"/>
        <v>0</v>
      </c>
      <c r="AZ11" s="25">
        <f t="shared" si="6"/>
        <v>0</v>
      </c>
      <c r="BA11" s="25">
        <f t="shared" si="6"/>
        <v>0</v>
      </c>
      <c r="BB11" s="25">
        <f t="shared" si="6"/>
        <v>0</v>
      </c>
      <c r="BC11" s="25">
        <f t="shared" si="6"/>
        <v>0</v>
      </c>
      <c r="BD11" s="25">
        <f t="shared" si="6"/>
        <v>0</v>
      </c>
      <c r="BE11" s="25">
        <f t="shared" si="6"/>
        <v>0</v>
      </c>
      <c r="BF11" s="25">
        <f t="shared" si="6"/>
        <v>0</v>
      </c>
      <c r="BG11" s="25">
        <f t="shared" si="6"/>
        <v>0</v>
      </c>
      <c r="BH11" s="26">
        <f t="shared" si="6"/>
        <v>0</v>
      </c>
    </row>
    <row r="12" spans="1:60" ht="30" customHeight="1">
      <c r="A12" s="118"/>
      <c r="B12" s="120" t="s">
        <v>59</v>
      </c>
      <c r="C12" s="63" t="s">
        <v>60</v>
      </c>
      <c r="D12" s="64" t="s">
        <v>20</v>
      </c>
      <c r="E12" s="65"/>
      <c r="F12" s="66"/>
      <c r="G12" s="67"/>
      <c r="H12" s="67"/>
      <c r="I12" s="25">
        <f t="shared" ref="I12:BH12" si="7">(I2&gt;=$E12)*AND(I2&lt;=$F12)</f>
        <v>0</v>
      </c>
      <c r="J12" s="25">
        <f t="shared" si="7"/>
        <v>0</v>
      </c>
      <c r="K12" s="25">
        <f t="shared" si="7"/>
        <v>0</v>
      </c>
      <c r="L12" s="25">
        <f t="shared" si="7"/>
        <v>0</v>
      </c>
      <c r="M12" s="25">
        <f t="shared" si="7"/>
        <v>0</v>
      </c>
      <c r="N12" s="25">
        <f t="shared" si="7"/>
        <v>0</v>
      </c>
      <c r="O12" s="25">
        <f t="shared" si="7"/>
        <v>0</v>
      </c>
      <c r="P12" s="25">
        <f t="shared" si="7"/>
        <v>0</v>
      </c>
      <c r="Q12" s="25">
        <f t="shared" si="7"/>
        <v>0</v>
      </c>
      <c r="R12" s="25">
        <f t="shared" si="7"/>
        <v>0</v>
      </c>
      <c r="S12" s="25">
        <f t="shared" si="7"/>
        <v>0</v>
      </c>
      <c r="T12" s="25">
        <f t="shared" si="7"/>
        <v>0</v>
      </c>
      <c r="U12" s="25">
        <f t="shared" si="7"/>
        <v>0</v>
      </c>
      <c r="V12" s="25">
        <f t="shared" si="7"/>
        <v>0</v>
      </c>
      <c r="W12" s="25">
        <f t="shared" si="7"/>
        <v>0</v>
      </c>
      <c r="X12" s="25">
        <f t="shared" si="7"/>
        <v>0</v>
      </c>
      <c r="Y12" s="25">
        <f t="shared" si="7"/>
        <v>0</v>
      </c>
      <c r="Z12" s="25">
        <f t="shared" si="7"/>
        <v>0</v>
      </c>
      <c r="AA12" s="25">
        <f t="shared" si="7"/>
        <v>0</v>
      </c>
      <c r="AB12" s="25">
        <f t="shared" si="7"/>
        <v>0</v>
      </c>
      <c r="AC12" s="25">
        <f t="shared" si="7"/>
        <v>0</v>
      </c>
      <c r="AD12" s="25">
        <f t="shared" si="7"/>
        <v>0</v>
      </c>
      <c r="AE12" s="25">
        <f t="shared" si="7"/>
        <v>0</v>
      </c>
      <c r="AF12" s="25">
        <f t="shared" si="7"/>
        <v>0</v>
      </c>
      <c r="AG12" s="25">
        <f t="shared" si="7"/>
        <v>0</v>
      </c>
      <c r="AH12" s="25">
        <f t="shared" si="7"/>
        <v>0</v>
      </c>
      <c r="AI12" s="25">
        <f t="shared" si="7"/>
        <v>0</v>
      </c>
      <c r="AJ12" s="25">
        <f t="shared" si="7"/>
        <v>0</v>
      </c>
      <c r="AK12" s="25">
        <f t="shared" si="7"/>
        <v>0</v>
      </c>
      <c r="AL12" s="25">
        <f t="shared" si="7"/>
        <v>0</v>
      </c>
      <c r="AM12" s="25">
        <f t="shared" si="7"/>
        <v>0</v>
      </c>
      <c r="AN12" s="25">
        <f t="shared" si="7"/>
        <v>0</v>
      </c>
      <c r="AO12" s="25">
        <f t="shared" si="7"/>
        <v>0</v>
      </c>
      <c r="AP12" s="25">
        <f t="shared" si="7"/>
        <v>0</v>
      </c>
      <c r="AQ12" s="25">
        <f t="shared" si="7"/>
        <v>0</v>
      </c>
      <c r="AR12" s="25">
        <f t="shared" si="7"/>
        <v>0</v>
      </c>
      <c r="AS12" s="25">
        <f t="shared" si="7"/>
        <v>0</v>
      </c>
      <c r="AT12" s="25">
        <f t="shared" si="7"/>
        <v>0</v>
      </c>
      <c r="AU12" s="25">
        <f t="shared" si="7"/>
        <v>0</v>
      </c>
      <c r="AV12" s="25">
        <f t="shared" si="7"/>
        <v>0</v>
      </c>
      <c r="AW12" s="25">
        <f t="shared" si="7"/>
        <v>0</v>
      </c>
      <c r="AX12" s="25">
        <f t="shared" si="7"/>
        <v>0</v>
      </c>
      <c r="AY12" s="25">
        <f t="shared" si="7"/>
        <v>0</v>
      </c>
      <c r="AZ12" s="25">
        <f t="shared" si="7"/>
        <v>0</v>
      </c>
      <c r="BA12" s="25">
        <f t="shared" si="7"/>
        <v>0</v>
      </c>
      <c r="BB12" s="25">
        <f t="shared" si="7"/>
        <v>0</v>
      </c>
      <c r="BC12" s="25">
        <f t="shared" si="7"/>
        <v>0</v>
      </c>
      <c r="BD12" s="25">
        <f t="shared" si="7"/>
        <v>0</v>
      </c>
      <c r="BE12" s="25">
        <f t="shared" si="7"/>
        <v>0</v>
      </c>
      <c r="BF12" s="25">
        <f t="shared" si="7"/>
        <v>0</v>
      </c>
      <c r="BG12" s="25">
        <f t="shared" si="7"/>
        <v>0</v>
      </c>
      <c r="BH12" s="26">
        <f t="shared" si="7"/>
        <v>0</v>
      </c>
    </row>
    <row r="13" spans="1:60" ht="30" customHeight="1">
      <c r="A13" s="118"/>
      <c r="B13" s="120"/>
      <c r="C13" s="63" t="s">
        <v>61</v>
      </c>
      <c r="D13" s="68" t="s">
        <v>20</v>
      </c>
      <c r="E13" s="66"/>
      <c r="F13" s="66"/>
      <c r="G13" s="67"/>
      <c r="H13" s="67"/>
      <c r="I13" s="25">
        <f t="shared" ref="I13:BH13" si="8">(I2&gt;=$E13)*AND(I2&lt;=$F13)</f>
        <v>0</v>
      </c>
      <c r="J13" s="25">
        <f t="shared" si="8"/>
        <v>0</v>
      </c>
      <c r="K13" s="25">
        <f t="shared" si="8"/>
        <v>0</v>
      </c>
      <c r="L13" s="25">
        <f t="shared" si="8"/>
        <v>0</v>
      </c>
      <c r="M13" s="25">
        <f t="shared" si="8"/>
        <v>0</v>
      </c>
      <c r="N13" s="25">
        <f t="shared" si="8"/>
        <v>0</v>
      </c>
      <c r="O13" s="25">
        <f t="shared" si="8"/>
        <v>0</v>
      </c>
      <c r="P13" s="25">
        <f t="shared" si="8"/>
        <v>0</v>
      </c>
      <c r="Q13" s="25">
        <f t="shared" si="8"/>
        <v>0</v>
      </c>
      <c r="R13" s="25">
        <f t="shared" si="8"/>
        <v>0</v>
      </c>
      <c r="S13" s="25">
        <f t="shared" si="8"/>
        <v>0</v>
      </c>
      <c r="T13" s="25">
        <f t="shared" si="8"/>
        <v>0</v>
      </c>
      <c r="U13" s="25">
        <f t="shared" si="8"/>
        <v>0</v>
      </c>
      <c r="V13" s="25">
        <f t="shared" si="8"/>
        <v>0</v>
      </c>
      <c r="W13" s="25">
        <f t="shared" si="8"/>
        <v>0</v>
      </c>
      <c r="X13" s="25">
        <f t="shared" si="8"/>
        <v>0</v>
      </c>
      <c r="Y13" s="25">
        <f t="shared" si="8"/>
        <v>0</v>
      </c>
      <c r="Z13" s="25">
        <f t="shared" si="8"/>
        <v>0</v>
      </c>
      <c r="AA13" s="25">
        <f t="shared" si="8"/>
        <v>0</v>
      </c>
      <c r="AB13" s="25">
        <f t="shared" si="8"/>
        <v>0</v>
      </c>
      <c r="AC13" s="25">
        <f t="shared" si="8"/>
        <v>0</v>
      </c>
      <c r="AD13" s="25">
        <f t="shared" si="8"/>
        <v>0</v>
      </c>
      <c r="AE13" s="25">
        <f t="shared" si="8"/>
        <v>0</v>
      </c>
      <c r="AF13" s="25">
        <f t="shared" si="8"/>
        <v>0</v>
      </c>
      <c r="AG13" s="25">
        <f t="shared" si="8"/>
        <v>0</v>
      </c>
      <c r="AH13" s="25">
        <f t="shared" si="8"/>
        <v>0</v>
      </c>
      <c r="AI13" s="25">
        <f t="shared" si="8"/>
        <v>0</v>
      </c>
      <c r="AJ13" s="25">
        <f t="shared" si="8"/>
        <v>0</v>
      </c>
      <c r="AK13" s="25">
        <f t="shared" si="8"/>
        <v>0</v>
      </c>
      <c r="AL13" s="25">
        <f t="shared" si="8"/>
        <v>0</v>
      </c>
      <c r="AM13" s="25">
        <f t="shared" si="8"/>
        <v>0</v>
      </c>
      <c r="AN13" s="25">
        <f t="shared" si="8"/>
        <v>0</v>
      </c>
      <c r="AO13" s="25">
        <f t="shared" si="8"/>
        <v>0</v>
      </c>
      <c r="AP13" s="25">
        <f t="shared" si="8"/>
        <v>0</v>
      </c>
      <c r="AQ13" s="25">
        <f t="shared" si="8"/>
        <v>0</v>
      </c>
      <c r="AR13" s="25">
        <f t="shared" si="8"/>
        <v>0</v>
      </c>
      <c r="AS13" s="25">
        <f t="shared" si="8"/>
        <v>0</v>
      </c>
      <c r="AT13" s="25">
        <f t="shared" si="8"/>
        <v>0</v>
      </c>
      <c r="AU13" s="25">
        <f t="shared" si="8"/>
        <v>0</v>
      </c>
      <c r="AV13" s="25">
        <f t="shared" si="8"/>
        <v>0</v>
      </c>
      <c r="AW13" s="25">
        <f t="shared" si="8"/>
        <v>0</v>
      </c>
      <c r="AX13" s="25">
        <f t="shared" si="8"/>
        <v>0</v>
      </c>
      <c r="AY13" s="25">
        <f t="shared" si="8"/>
        <v>0</v>
      </c>
      <c r="AZ13" s="25">
        <f t="shared" si="8"/>
        <v>0</v>
      </c>
      <c r="BA13" s="25">
        <f t="shared" si="8"/>
        <v>0</v>
      </c>
      <c r="BB13" s="25">
        <f t="shared" si="8"/>
        <v>0</v>
      </c>
      <c r="BC13" s="25">
        <f t="shared" si="8"/>
        <v>0</v>
      </c>
      <c r="BD13" s="25">
        <f t="shared" si="8"/>
        <v>0</v>
      </c>
      <c r="BE13" s="25">
        <f t="shared" si="8"/>
        <v>0</v>
      </c>
      <c r="BF13" s="25">
        <f t="shared" si="8"/>
        <v>0</v>
      </c>
      <c r="BG13" s="25">
        <f t="shared" si="8"/>
        <v>0</v>
      </c>
      <c r="BH13" s="26">
        <f t="shared" si="8"/>
        <v>0</v>
      </c>
    </row>
    <row r="14" spans="1:60" ht="30" customHeight="1">
      <c r="A14" s="118"/>
      <c r="B14" s="120"/>
      <c r="C14" s="63" t="s">
        <v>62</v>
      </c>
      <c r="D14" s="64" t="s">
        <v>20</v>
      </c>
      <c r="E14" s="66"/>
      <c r="F14" s="66"/>
      <c r="G14" s="67"/>
      <c r="H14" s="69"/>
      <c r="I14" s="25">
        <f t="shared" ref="I14:BH14" si="9">(I2&gt;=$E14)*AND(I2&lt;=$F14)</f>
        <v>0</v>
      </c>
      <c r="J14" s="25">
        <f t="shared" si="9"/>
        <v>0</v>
      </c>
      <c r="K14" s="25">
        <f t="shared" si="9"/>
        <v>0</v>
      </c>
      <c r="L14" s="25">
        <f t="shared" si="9"/>
        <v>0</v>
      </c>
      <c r="M14" s="25">
        <f t="shared" si="9"/>
        <v>0</v>
      </c>
      <c r="N14" s="25">
        <f t="shared" si="9"/>
        <v>0</v>
      </c>
      <c r="O14" s="25">
        <f t="shared" si="9"/>
        <v>0</v>
      </c>
      <c r="P14" s="25">
        <f t="shared" si="9"/>
        <v>0</v>
      </c>
      <c r="Q14" s="25">
        <f t="shared" si="9"/>
        <v>0</v>
      </c>
      <c r="R14" s="25">
        <f t="shared" si="9"/>
        <v>0</v>
      </c>
      <c r="S14" s="25">
        <f t="shared" si="9"/>
        <v>0</v>
      </c>
      <c r="T14" s="25">
        <f t="shared" si="9"/>
        <v>0</v>
      </c>
      <c r="U14" s="25">
        <f t="shared" si="9"/>
        <v>0</v>
      </c>
      <c r="V14" s="25">
        <f t="shared" si="9"/>
        <v>0</v>
      </c>
      <c r="W14" s="25">
        <f t="shared" si="9"/>
        <v>0</v>
      </c>
      <c r="X14" s="25">
        <f t="shared" si="9"/>
        <v>0</v>
      </c>
      <c r="Y14" s="25">
        <f t="shared" si="9"/>
        <v>0</v>
      </c>
      <c r="Z14" s="25">
        <f t="shared" si="9"/>
        <v>0</v>
      </c>
      <c r="AA14" s="25">
        <f t="shared" si="9"/>
        <v>0</v>
      </c>
      <c r="AB14" s="25">
        <f t="shared" si="9"/>
        <v>0</v>
      </c>
      <c r="AC14" s="25">
        <f t="shared" si="9"/>
        <v>0</v>
      </c>
      <c r="AD14" s="25">
        <f t="shared" si="9"/>
        <v>0</v>
      </c>
      <c r="AE14" s="25">
        <f t="shared" si="9"/>
        <v>0</v>
      </c>
      <c r="AF14" s="25">
        <f t="shared" si="9"/>
        <v>0</v>
      </c>
      <c r="AG14" s="25">
        <f t="shared" si="9"/>
        <v>0</v>
      </c>
      <c r="AH14" s="25">
        <f t="shared" si="9"/>
        <v>0</v>
      </c>
      <c r="AI14" s="25">
        <f t="shared" si="9"/>
        <v>0</v>
      </c>
      <c r="AJ14" s="25">
        <f t="shared" si="9"/>
        <v>0</v>
      </c>
      <c r="AK14" s="25">
        <f t="shared" si="9"/>
        <v>0</v>
      </c>
      <c r="AL14" s="25">
        <f t="shared" si="9"/>
        <v>0</v>
      </c>
      <c r="AM14" s="25">
        <f t="shared" si="9"/>
        <v>0</v>
      </c>
      <c r="AN14" s="25">
        <f t="shared" si="9"/>
        <v>0</v>
      </c>
      <c r="AO14" s="25">
        <f t="shared" si="9"/>
        <v>0</v>
      </c>
      <c r="AP14" s="25">
        <f t="shared" si="9"/>
        <v>0</v>
      </c>
      <c r="AQ14" s="25">
        <f t="shared" si="9"/>
        <v>0</v>
      </c>
      <c r="AR14" s="25">
        <f t="shared" si="9"/>
        <v>0</v>
      </c>
      <c r="AS14" s="25">
        <f t="shared" si="9"/>
        <v>0</v>
      </c>
      <c r="AT14" s="25">
        <f t="shared" si="9"/>
        <v>0</v>
      </c>
      <c r="AU14" s="25">
        <f t="shared" si="9"/>
        <v>0</v>
      </c>
      <c r="AV14" s="25">
        <f t="shared" si="9"/>
        <v>0</v>
      </c>
      <c r="AW14" s="25">
        <f t="shared" si="9"/>
        <v>0</v>
      </c>
      <c r="AX14" s="25">
        <f t="shared" si="9"/>
        <v>0</v>
      </c>
      <c r="AY14" s="25">
        <f t="shared" si="9"/>
        <v>0</v>
      </c>
      <c r="AZ14" s="25">
        <f t="shared" si="9"/>
        <v>0</v>
      </c>
      <c r="BA14" s="25">
        <f t="shared" si="9"/>
        <v>0</v>
      </c>
      <c r="BB14" s="25">
        <f t="shared" si="9"/>
        <v>0</v>
      </c>
      <c r="BC14" s="25">
        <f t="shared" si="9"/>
        <v>0</v>
      </c>
      <c r="BD14" s="25">
        <f t="shared" si="9"/>
        <v>0</v>
      </c>
      <c r="BE14" s="25">
        <f t="shared" si="9"/>
        <v>0</v>
      </c>
      <c r="BF14" s="25">
        <f t="shared" si="9"/>
        <v>0</v>
      </c>
      <c r="BG14" s="25">
        <f t="shared" si="9"/>
        <v>0</v>
      </c>
      <c r="BH14" s="26">
        <f t="shared" si="9"/>
        <v>0</v>
      </c>
    </row>
    <row r="15" spans="1:60" ht="30" customHeight="1">
      <c r="A15" s="118"/>
      <c r="B15" s="120"/>
      <c r="C15" s="63" t="s">
        <v>63</v>
      </c>
      <c r="D15" s="68" t="s">
        <v>20</v>
      </c>
      <c r="E15" s="66"/>
      <c r="F15" s="66"/>
      <c r="G15" s="67"/>
      <c r="H15" s="69"/>
      <c r="I15" s="25">
        <f t="shared" ref="I15:BH15" si="10">(I2&gt;=$E15)*AND(I2&lt;=$F15)</f>
        <v>0</v>
      </c>
      <c r="J15" s="25">
        <f t="shared" si="10"/>
        <v>0</v>
      </c>
      <c r="K15" s="25">
        <f t="shared" si="10"/>
        <v>0</v>
      </c>
      <c r="L15" s="25">
        <f t="shared" si="10"/>
        <v>0</v>
      </c>
      <c r="M15" s="25">
        <f t="shared" si="10"/>
        <v>0</v>
      </c>
      <c r="N15" s="25">
        <f t="shared" si="10"/>
        <v>0</v>
      </c>
      <c r="O15" s="25">
        <f t="shared" si="10"/>
        <v>0</v>
      </c>
      <c r="P15" s="25">
        <f t="shared" si="10"/>
        <v>0</v>
      </c>
      <c r="Q15" s="25">
        <f t="shared" si="10"/>
        <v>0</v>
      </c>
      <c r="R15" s="25">
        <f t="shared" si="10"/>
        <v>0</v>
      </c>
      <c r="S15" s="25">
        <f t="shared" si="10"/>
        <v>0</v>
      </c>
      <c r="T15" s="25">
        <f t="shared" si="10"/>
        <v>0</v>
      </c>
      <c r="U15" s="25">
        <f t="shared" si="10"/>
        <v>0</v>
      </c>
      <c r="V15" s="25">
        <f t="shared" si="10"/>
        <v>0</v>
      </c>
      <c r="W15" s="25">
        <f t="shared" si="10"/>
        <v>0</v>
      </c>
      <c r="X15" s="25">
        <f t="shared" si="10"/>
        <v>0</v>
      </c>
      <c r="Y15" s="25">
        <f t="shared" si="10"/>
        <v>0</v>
      </c>
      <c r="Z15" s="25">
        <f t="shared" si="10"/>
        <v>0</v>
      </c>
      <c r="AA15" s="25">
        <f t="shared" si="10"/>
        <v>0</v>
      </c>
      <c r="AB15" s="25">
        <f t="shared" si="10"/>
        <v>0</v>
      </c>
      <c r="AC15" s="25">
        <f t="shared" si="10"/>
        <v>0</v>
      </c>
      <c r="AD15" s="25">
        <f t="shared" si="10"/>
        <v>0</v>
      </c>
      <c r="AE15" s="25">
        <f t="shared" si="10"/>
        <v>0</v>
      </c>
      <c r="AF15" s="25">
        <f t="shared" si="10"/>
        <v>0</v>
      </c>
      <c r="AG15" s="25">
        <f t="shared" si="10"/>
        <v>0</v>
      </c>
      <c r="AH15" s="25">
        <f t="shared" si="10"/>
        <v>0</v>
      </c>
      <c r="AI15" s="25">
        <f t="shared" si="10"/>
        <v>0</v>
      </c>
      <c r="AJ15" s="25">
        <f t="shared" si="10"/>
        <v>0</v>
      </c>
      <c r="AK15" s="25">
        <f t="shared" si="10"/>
        <v>0</v>
      </c>
      <c r="AL15" s="25">
        <f t="shared" si="10"/>
        <v>0</v>
      </c>
      <c r="AM15" s="25">
        <f t="shared" si="10"/>
        <v>0</v>
      </c>
      <c r="AN15" s="25">
        <f t="shared" si="10"/>
        <v>0</v>
      </c>
      <c r="AO15" s="25">
        <f t="shared" si="10"/>
        <v>0</v>
      </c>
      <c r="AP15" s="25">
        <f t="shared" si="10"/>
        <v>0</v>
      </c>
      <c r="AQ15" s="25">
        <f t="shared" si="10"/>
        <v>0</v>
      </c>
      <c r="AR15" s="25">
        <f t="shared" si="10"/>
        <v>0</v>
      </c>
      <c r="AS15" s="25">
        <f t="shared" si="10"/>
        <v>0</v>
      </c>
      <c r="AT15" s="25">
        <f t="shared" si="10"/>
        <v>0</v>
      </c>
      <c r="AU15" s="25">
        <f t="shared" si="10"/>
        <v>0</v>
      </c>
      <c r="AV15" s="25">
        <f t="shared" si="10"/>
        <v>0</v>
      </c>
      <c r="AW15" s="25">
        <f t="shared" si="10"/>
        <v>0</v>
      </c>
      <c r="AX15" s="25">
        <f t="shared" si="10"/>
        <v>0</v>
      </c>
      <c r="AY15" s="25">
        <f t="shared" si="10"/>
        <v>0</v>
      </c>
      <c r="AZ15" s="25">
        <f t="shared" si="10"/>
        <v>0</v>
      </c>
      <c r="BA15" s="25">
        <f t="shared" si="10"/>
        <v>0</v>
      </c>
      <c r="BB15" s="25">
        <f t="shared" si="10"/>
        <v>0</v>
      </c>
      <c r="BC15" s="25">
        <f t="shared" si="10"/>
        <v>0</v>
      </c>
      <c r="BD15" s="25">
        <f t="shared" si="10"/>
        <v>0</v>
      </c>
      <c r="BE15" s="25">
        <f t="shared" si="10"/>
        <v>0</v>
      </c>
      <c r="BF15" s="25">
        <f t="shared" si="10"/>
        <v>0</v>
      </c>
      <c r="BG15" s="25">
        <f t="shared" si="10"/>
        <v>0</v>
      </c>
      <c r="BH15" s="26">
        <f t="shared" si="10"/>
        <v>0</v>
      </c>
    </row>
    <row r="16" spans="1:60" ht="30" customHeight="1">
      <c r="A16" s="118"/>
      <c r="B16" s="120"/>
      <c r="C16" s="63" t="s">
        <v>64</v>
      </c>
      <c r="D16" s="64" t="s">
        <v>20</v>
      </c>
      <c r="E16" s="66"/>
      <c r="F16" s="66"/>
      <c r="G16" s="67"/>
      <c r="H16" s="69"/>
      <c r="I16" s="25">
        <f t="shared" ref="I16:BH16" si="11">(I2&gt;=$E16)*AND(I2&lt;=$F16)</f>
        <v>0</v>
      </c>
      <c r="J16" s="25">
        <f t="shared" si="11"/>
        <v>0</v>
      </c>
      <c r="K16" s="25">
        <f t="shared" si="11"/>
        <v>0</v>
      </c>
      <c r="L16" s="25">
        <f t="shared" si="11"/>
        <v>0</v>
      </c>
      <c r="M16" s="25">
        <f t="shared" si="11"/>
        <v>0</v>
      </c>
      <c r="N16" s="25">
        <f t="shared" si="11"/>
        <v>0</v>
      </c>
      <c r="O16" s="25">
        <f t="shared" si="11"/>
        <v>0</v>
      </c>
      <c r="P16" s="25">
        <f t="shared" si="11"/>
        <v>0</v>
      </c>
      <c r="Q16" s="25">
        <f t="shared" si="11"/>
        <v>0</v>
      </c>
      <c r="R16" s="25">
        <f t="shared" si="11"/>
        <v>0</v>
      </c>
      <c r="S16" s="25">
        <f t="shared" si="11"/>
        <v>0</v>
      </c>
      <c r="T16" s="25">
        <f t="shared" si="11"/>
        <v>0</v>
      </c>
      <c r="U16" s="25">
        <f t="shared" si="11"/>
        <v>0</v>
      </c>
      <c r="V16" s="25">
        <f t="shared" si="11"/>
        <v>0</v>
      </c>
      <c r="W16" s="25">
        <f t="shared" si="11"/>
        <v>0</v>
      </c>
      <c r="X16" s="25">
        <f t="shared" si="11"/>
        <v>0</v>
      </c>
      <c r="Y16" s="25">
        <f t="shared" si="11"/>
        <v>0</v>
      </c>
      <c r="Z16" s="25">
        <f t="shared" si="11"/>
        <v>0</v>
      </c>
      <c r="AA16" s="25">
        <f t="shared" si="11"/>
        <v>0</v>
      </c>
      <c r="AB16" s="25">
        <f t="shared" si="11"/>
        <v>0</v>
      </c>
      <c r="AC16" s="25">
        <f t="shared" si="11"/>
        <v>0</v>
      </c>
      <c r="AD16" s="25">
        <f t="shared" si="11"/>
        <v>0</v>
      </c>
      <c r="AE16" s="25">
        <f t="shared" si="11"/>
        <v>0</v>
      </c>
      <c r="AF16" s="25">
        <f t="shared" si="11"/>
        <v>0</v>
      </c>
      <c r="AG16" s="25">
        <f t="shared" si="11"/>
        <v>0</v>
      </c>
      <c r="AH16" s="25">
        <f t="shared" si="11"/>
        <v>0</v>
      </c>
      <c r="AI16" s="25">
        <f t="shared" si="11"/>
        <v>0</v>
      </c>
      <c r="AJ16" s="25">
        <f t="shared" si="11"/>
        <v>0</v>
      </c>
      <c r="AK16" s="25">
        <f t="shared" si="11"/>
        <v>0</v>
      </c>
      <c r="AL16" s="25">
        <f t="shared" si="11"/>
        <v>0</v>
      </c>
      <c r="AM16" s="25">
        <f t="shared" si="11"/>
        <v>0</v>
      </c>
      <c r="AN16" s="25">
        <f t="shared" si="11"/>
        <v>0</v>
      </c>
      <c r="AO16" s="25">
        <f t="shared" si="11"/>
        <v>0</v>
      </c>
      <c r="AP16" s="25">
        <f t="shared" si="11"/>
        <v>0</v>
      </c>
      <c r="AQ16" s="25">
        <f t="shared" si="11"/>
        <v>0</v>
      </c>
      <c r="AR16" s="25">
        <f t="shared" si="11"/>
        <v>0</v>
      </c>
      <c r="AS16" s="25">
        <f t="shared" si="11"/>
        <v>0</v>
      </c>
      <c r="AT16" s="25">
        <f t="shared" si="11"/>
        <v>0</v>
      </c>
      <c r="AU16" s="25">
        <f t="shared" si="11"/>
        <v>0</v>
      </c>
      <c r="AV16" s="25">
        <f t="shared" si="11"/>
        <v>0</v>
      </c>
      <c r="AW16" s="25">
        <f t="shared" si="11"/>
        <v>0</v>
      </c>
      <c r="AX16" s="25">
        <f t="shared" si="11"/>
        <v>0</v>
      </c>
      <c r="AY16" s="25">
        <f t="shared" si="11"/>
        <v>0</v>
      </c>
      <c r="AZ16" s="25">
        <f t="shared" si="11"/>
        <v>0</v>
      </c>
      <c r="BA16" s="25">
        <f t="shared" si="11"/>
        <v>0</v>
      </c>
      <c r="BB16" s="25">
        <f t="shared" si="11"/>
        <v>0</v>
      </c>
      <c r="BC16" s="25">
        <f t="shared" si="11"/>
        <v>0</v>
      </c>
      <c r="BD16" s="25">
        <f t="shared" si="11"/>
        <v>0</v>
      </c>
      <c r="BE16" s="25">
        <f t="shared" si="11"/>
        <v>0</v>
      </c>
      <c r="BF16" s="25">
        <f t="shared" si="11"/>
        <v>0</v>
      </c>
      <c r="BG16" s="25">
        <f t="shared" si="11"/>
        <v>0</v>
      </c>
      <c r="BH16" s="26">
        <f t="shared" si="11"/>
        <v>0</v>
      </c>
    </row>
    <row r="17" spans="1:60" ht="30" customHeight="1">
      <c r="A17" s="118"/>
      <c r="B17" s="120"/>
      <c r="C17" s="63" t="s">
        <v>65</v>
      </c>
      <c r="D17" s="68" t="s">
        <v>20</v>
      </c>
      <c r="E17" s="66"/>
      <c r="F17" s="66"/>
      <c r="G17" s="67"/>
      <c r="H17" s="67"/>
      <c r="I17" s="25">
        <f t="shared" ref="I17:BH17" si="12">(I2&gt;=$E17)*AND(I2&lt;=$F17)</f>
        <v>0</v>
      </c>
      <c r="J17" s="25">
        <f t="shared" si="12"/>
        <v>0</v>
      </c>
      <c r="K17" s="25">
        <f t="shared" si="12"/>
        <v>0</v>
      </c>
      <c r="L17" s="25">
        <f t="shared" si="12"/>
        <v>0</v>
      </c>
      <c r="M17" s="25">
        <f t="shared" si="12"/>
        <v>0</v>
      </c>
      <c r="N17" s="25">
        <f t="shared" si="12"/>
        <v>0</v>
      </c>
      <c r="O17" s="25">
        <f t="shared" si="12"/>
        <v>0</v>
      </c>
      <c r="P17" s="25">
        <f t="shared" si="12"/>
        <v>0</v>
      </c>
      <c r="Q17" s="25">
        <f t="shared" si="12"/>
        <v>0</v>
      </c>
      <c r="R17" s="25">
        <f t="shared" si="12"/>
        <v>0</v>
      </c>
      <c r="S17" s="25">
        <f t="shared" si="12"/>
        <v>0</v>
      </c>
      <c r="T17" s="25">
        <f t="shared" si="12"/>
        <v>0</v>
      </c>
      <c r="U17" s="25">
        <f t="shared" si="12"/>
        <v>0</v>
      </c>
      <c r="V17" s="25">
        <f t="shared" si="12"/>
        <v>0</v>
      </c>
      <c r="W17" s="25">
        <f t="shared" si="12"/>
        <v>0</v>
      </c>
      <c r="X17" s="25">
        <f t="shared" si="12"/>
        <v>0</v>
      </c>
      <c r="Y17" s="25">
        <f t="shared" si="12"/>
        <v>0</v>
      </c>
      <c r="Z17" s="25">
        <f t="shared" si="12"/>
        <v>0</v>
      </c>
      <c r="AA17" s="25">
        <f t="shared" si="12"/>
        <v>0</v>
      </c>
      <c r="AB17" s="25">
        <f t="shared" si="12"/>
        <v>0</v>
      </c>
      <c r="AC17" s="25">
        <f t="shared" si="12"/>
        <v>0</v>
      </c>
      <c r="AD17" s="25">
        <f t="shared" si="12"/>
        <v>0</v>
      </c>
      <c r="AE17" s="25">
        <f t="shared" si="12"/>
        <v>0</v>
      </c>
      <c r="AF17" s="25">
        <f t="shared" si="12"/>
        <v>0</v>
      </c>
      <c r="AG17" s="25">
        <f t="shared" si="12"/>
        <v>0</v>
      </c>
      <c r="AH17" s="25">
        <f t="shared" si="12"/>
        <v>0</v>
      </c>
      <c r="AI17" s="25">
        <f t="shared" si="12"/>
        <v>0</v>
      </c>
      <c r="AJ17" s="25">
        <f t="shared" si="12"/>
        <v>0</v>
      </c>
      <c r="AK17" s="25">
        <f t="shared" si="12"/>
        <v>0</v>
      </c>
      <c r="AL17" s="25">
        <f t="shared" si="12"/>
        <v>0</v>
      </c>
      <c r="AM17" s="25">
        <f t="shared" si="12"/>
        <v>0</v>
      </c>
      <c r="AN17" s="25">
        <f t="shared" si="12"/>
        <v>0</v>
      </c>
      <c r="AO17" s="25">
        <f t="shared" si="12"/>
        <v>0</v>
      </c>
      <c r="AP17" s="25">
        <f t="shared" si="12"/>
        <v>0</v>
      </c>
      <c r="AQ17" s="25">
        <f t="shared" si="12"/>
        <v>0</v>
      </c>
      <c r="AR17" s="25">
        <f t="shared" si="12"/>
        <v>0</v>
      </c>
      <c r="AS17" s="25">
        <f t="shared" si="12"/>
        <v>0</v>
      </c>
      <c r="AT17" s="25">
        <f t="shared" si="12"/>
        <v>0</v>
      </c>
      <c r="AU17" s="25">
        <f t="shared" si="12"/>
        <v>0</v>
      </c>
      <c r="AV17" s="25">
        <f t="shared" si="12"/>
        <v>0</v>
      </c>
      <c r="AW17" s="25">
        <f t="shared" si="12"/>
        <v>0</v>
      </c>
      <c r="AX17" s="25">
        <f t="shared" si="12"/>
        <v>0</v>
      </c>
      <c r="AY17" s="25">
        <f t="shared" si="12"/>
        <v>0</v>
      </c>
      <c r="AZ17" s="25">
        <f t="shared" si="12"/>
        <v>0</v>
      </c>
      <c r="BA17" s="25">
        <f t="shared" si="12"/>
        <v>0</v>
      </c>
      <c r="BB17" s="25">
        <f t="shared" si="12"/>
        <v>0</v>
      </c>
      <c r="BC17" s="25">
        <f t="shared" si="12"/>
        <v>0</v>
      </c>
      <c r="BD17" s="25">
        <f t="shared" si="12"/>
        <v>0</v>
      </c>
      <c r="BE17" s="25">
        <f t="shared" si="12"/>
        <v>0</v>
      </c>
      <c r="BF17" s="25">
        <f t="shared" si="12"/>
        <v>0</v>
      </c>
      <c r="BG17" s="25">
        <f t="shared" si="12"/>
        <v>0</v>
      </c>
      <c r="BH17" s="26">
        <f t="shared" si="12"/>
        <v>0</v>
      </c>
    </row>
    <row r="18" spans="1:60" ht="30" customHeight="1">
      <c r="A18" s="118"/>
      <c r="B18" s="120"/>
      <c r="C18" s="63" t="s">
        <v>66</v>
      </c>
      <c r="D18" s="64" t="s">
        <v>20</v>
      </c>
      <c r="E18" s="70"/>
      <c r="F18" s="66"/>
      <c r="G18" s="67"/>
      <c r="H18" s="69"/>
      <c r="I18" s="25">
        <f t="shared" ref="I18:BH18" si="13">(I2&gt;=$E18)*AND(I2&lt;=$F18)</f>
        <v>0</v>
      </c>
      <c r="J18" s="25">
        <f t="shared" si="13"/>
        <v>0</v>
      </c>
      <c r="K18" s="25">
        <f t="shared" si="13"/>
        <v>0</v>
      </c>
      <c r="L18" s="25">
        <f t="shared" si="13"/>
        <v>0</v>
      </c>
      <c r="M18" s="25">
        <f t="shared" si="13"/>
        <v>0</v>
      </c>
      <c r="N18" s="25">
        <f t="shared" si="13"/>
        <v>0</v>
      </c>
      <c r="O18" s="25">
        <f t="shared" si="13"/>
        <v>0</v>
      </c>
      <c r="P18" s="25">
        <f t="shared" si="13"/>
        <v>0</v>
      </c>
      <c r="Q18" s="25">
        <f t="shared" si="13"/>
        <v>0</v>
      </c>
      <c r="R18" s="25">
        <f t="shared" si="13"/>
        <v>0</v>
      </c>
      <c r="S18" s="25">
        <f t="shared" si="13"/>
        <v>0</v>
      </c>
      <c r="T18" s="25">
        <f t="shared" si="13"/>
        <v>0</v>
      </c>
      <c r="U18" s="25">
        <f t="shared" si="13"/>
        <v>0</v>
      </c>
      <c r="V18" s="25">
        <f t="shared" si="13"/>
        <v>0</v>
      </c>
      <c r="W18" s="25">
        <f t="shared" si="13"/>
        <v>0</v>
      </c>
      <c r="X18" s="25">
        <f t="shared" si="13"/>
        <v>0</v>
      </c>
      <c r="Y18" s="25">
        <f t="shared" si="13"/>
        <v>0</v>
      </c>
      <c r="Z18" s="25">
        <f t="shared" si="13"/>
        <v>0</v>
      </c>
      <c r="AA18" s="25">
        <f t="shared" si="13"/>
        <v>0</v>
      </c>
      <c r="AB18" s="25">
        <f t="shared" si="13"/>
        <v>0</v>
      </c>
      <c r="AC18" s="25">
        <f t="shared" si="13"/>
        <v>0</v>
      </c>
      <c r="AD18" s="25">
        <f t="shared" si="13"/>
        <v>0</v>
      </c>
      <c r="AE18" s="25">
        <f t="shared" si="13"/>
        <v>0</v>
      </c>
      <c r="AF18" s="25">
        <f t="shared" si="13"/>
        <v>0</v>
      </c>
      <c r="AG18" s="25">
        <f t="shared" si="13"/>
        <v>0</v>
      </c>
      <c r="AH18" s="25">
        <f t="shared" si="13"/>
        <v>0</v>
      </c>
      <c r="AI18" s="25">
        <f t="shared" si="13"/>
        <v>0</v>
      </c>
      <c r="AJ18" s="25">
        <f t="shared" si="13"/>
        <v>0</v>
      </c>
      <c r="AK18" s="25">
        <f t="shared" si="13"/>
        <v>0</v>
      </c>
      <c r="AL18" s="25">
        <f t="shared" si="13"/>
        <v>0</v>
      </c>
      <c r="AM18" s="25">
        <f t="shared" si="13"/>
        <v>0</v>
      </c>
      <c r="AN18" s="25">
        <f t="shared" si="13"/>
        <v>0</v>
      </c>
      <c r="AO18" s="25">
        <f t="shared" si="13"/>
        <v>0</v>
      </c>
      <c r="AP18" s="25">
        <f t="shared" si="13"/>
        <v>0</v>
      </c>
      <c r="AQ18" s="25">
        <f t="shared" si="13"/>
        <v>0</v>
      </c>
      <c r="AR18" s="25">
        <f t="shared" si="13"/>
        <v>0</v>
      </c>
      <c r="AS18" s="25">
        <f t="shared" si="13"/>
        <v>0</v>
      </c>
      <c r="AT18" s="25">
        <f t="shared" si="13"/>
        <v>0</v>
      </c>
      <c r="AU18" s="25">
        <f t="shared" si="13"/>
        <v>0</v>
      </c>
      <c r="AV18" s="25">
        <f t="shared" si="13"/>
        <v>0</v>
      </c>
      <c r="AW18" s="25">
        <f t="shared" si="13"/>
        <v>0</v>
      </c>
      <c r="AX18" s="25">
        <f t="shared" si="13"/>
        <v>0</v>
      </c>
      <c r="AY18" s="25">
        <f t="shared" si="13"/>
        <v>0</v>
      </c>
      <c r="AZ18" s="25">
        <f t="shared" si="13"/>
        <v>0</v>
      </c>
      <c r="BA18" s="25">
        <f t="shared" si="13"/>
        <v>0</v>
      </c>
      <c r="BB18" s="25">
        <f t="shared" si="13"/>
        <v>0</v>
      </c>
      <c r="BC18" s="25">
        <f t="shared" si="13"/>
        <v>0</v>
      </c>
      <c r="BD18" s="25">
        <f t="shared" si="13"/>
        <v>0</v>
      </c>
      <c r="BE18" s="25">
        <f t="shared" si="13"/>
        <v>0</v>
      </c>
      <c r="BF18" s="25">
        <f t="shared" si="13"/>
        <v>0</v>
      </c>
      <c r="BG18" s="25">
        <f t="shared" si="13"/>
        <v>0</v>
      </c>
      <c r="BH18" s="26">
        <f t="shared" si="13"/>
        <v>0</v>
      </c>
    </row>
    <row r="19" spans="1:60" ht="30" customHeight="1">
      <c r="A19" s="118"/>
      <c r="B19" s="120"/>
      <c r="C19" s="63" t="s">
        <v>67</v>
      </c>
      <c r="D19" s="64" t="s">
        <v>20</v>
      </c>
      <c r="E19" s="66"/>
      <c r="F19" s="66"/>
      <c r="G19" s="67"/>
      <c r="H19" s="67"/>
      <c r="I19" s="25">
        <f t="shared" ref="I19:BH19" si="14">(I2&gt;=$E19)*AND(I2&lt;=$F19)</f>
        <v>0</v>
      </c>
      <c r="J19" s="25">
        <f t="shared" si="14"/>
        <v>0</v>
      </c>
      <c r="K19" s="25">
        <f t="shared" si="14"/>
        <v>0</v>
      </c>
      <c r="L19" s="25">
        <f t="shared" si="14"/>
        <v>0</v>
      </c>
      <c r="M19" s="25">
        <f t="shared" si="14"/>
        <v>0</v>
      </c>
      <c r="N19" s="25">
        <f t="shared" si="14"/>
        <v>0</v>
      </c>
      <c r="O19" s="25">
        <f t="shared" si="14"/>
        <v>0</v>
      </c>
      <c r="P19" s="25">
        <f t="shared" si="14"/>
        <v>0</v>
      </c>
      <c r="Q19" s="25">
        <f t="shared" si="14"/>
        <v>0</v>
      </c>
      <c r="R19" s="25">
        <f t="shared" si="14"/>
        <v>0</v>
      </c>
      <c r="S19" s="25">
        <f t="shared" si="14"/>
        <v>0</v>
      </c>
      <c r="T19" s="25">
        <f t="shared" si="14"/>
        <v>0</v>
      </c>
      <c r="U19" s="25">
        <f t="shared" si="14"/>
        <v>0</v>
      </c>
      <c r="V19" s="25">
        <f t="shared" si="14"/>
        <v>0</v>
      </c>
      <c r="W19" s="25">
        <f t="shared" si="14"/>
        <v>0</v>
      </c>
      <c r="X19" s="25">
        <f t="shared" si="14"/>
        <v>0</v>
      </c>
      <c r="Y19" s="25">
        <f t="shared" si="14"/>
        <v>0</v>
      </c>
      <c r="Z19" s="25">
        <f t="shared" si="14"/>
        <v>0</v>
      </c>
      <c r="AA19" s="25">
        <f t="shared" si="14"/>
        <v>0</v>
      </c>
      <c r="AB19" s="25">
        <f t="shared" si="14"/>
        <v>0</v>
      </c>
      <c r="AC19" s="25">
        <f t="shared" si="14"/>
        <v>0</v>
      </c>
      <c r="AD19" s="25">
        <f t="shared" si="14"/>
        <v>0</v>
      </c>
      <c r="AE19" s="25">
        <f t="shared" si="14"/>
        <v>0</v>
      </c>
      <c r="AF19" s="25">
        <f t="shared" si="14"/>
        <v>0</v>
      </c>
      <c r="AG19" s="25">
        <f t="shared" si="14"/>
        <v>0</v>
      </c>
      <c r="AH19" s="25">
        <f t="shared" si="14"/>
        <v>0</v>
      </c>
      <c r="AI19" s="25">
        <f t="shared" si="14"/>
        <v>0</v>
      </c>
      <c r="AJ19" s="25">
        <f t="shared" si="14"/>
        <v>0</v>
      </c>
      <c r="AK19" s="25">
        <f t="shared" si="14"/>
        <v>0</v>
      </c>
      <c r="AL19" s="25">
        <f t="shared" si="14"/>
        <v>0</v>
      </c>
      <c r="AM19" s="25">
        <f t="shared" si="14"/>
        <v>0</v>
      </c>
      <c r="AN19" s="25">
        <f t="shared" si="14"/>
        <v>0</v>
      </c>
      <c r="AO19" s="25">
        <f t="shared" si="14"/>
        <v>0</v>
      </c>
      <c r="AP19" s="25">
        <f t="shared" si="14"/>
        <v>0</v>
      </c>
      <c r="AQ19" s="25">
        <f t="shared" si="14"/>
        <v>0</v>
      </c>
      <c r="AR19" s="25">
        <f t="shared" si="14"/>
        <v>0</v>
      </c>
      <c r="AS19" s="25">
        <f t="shared" si="14"/>
        <v>0</v>
      </c>
      <c r="AT19" s="25">
        <f t="shared" si="14"/>
        <v>0</v>
      </c>
      <c r="AU19" s="25">
        <f t="shared" si="14"/>
        <v>0</v>
      </c>
      <c r="AV19" s="25">
        <f t="shared" si="14"/>
        <v>0</v>
      </c>
      <c r="AW19" s="25">
        <f t="shared" si="14"/>
        <v>0</v>
      </c>
      <c r="AX19" s="25">
        <f t="shared" si="14"/>
        <v>0</v>
      </c>
      <c r="AY19" s="25">
        <f t="shared" si="14"/>
        <v>0</v>
      </c>
      <c r="AZ19" s="25">
        <f t="shared" si="14"/>
        <v>0</v>
      </c>
      <c r="BA19" s="25">
        <f t="shared" si="14"/>
        <v>0</v>
      </c>
      <c r="BB19" s="25">
        <f t="shared" si="14"/>
        <v>0</v>
      </c>
      <c r="BC19" s="25">
        <f t="shared" si="14"/>
        <v>0</v>
      </c>
      <c r="BD19" s="25">
        <f t="shared" si="14"/>
        <v>0</v>
      </c>
      <c r="BE19" s="25">
        <f t="shared" si="14"/>
        <v>0</v>
      </c>
      <c r="BF19" s="25">
        <f t="shared" si="14"/>
        <v>0</v>
      </c>
      <c r="BG19" s="25">
        <f t="shared" si="14"/>
        <v>0</v>
      </c>
      <c r="BH19" s="26">
        <f t="shared" si="14"/>
        <v>0</v>
      </c>
    </row>
    <row r="20" spans="1:60" ht="30" customHeight="1">
      <c r="A20" s="118"/>
      <c r="B20" s="120"/>
      <c r="C20" s="63" t="s">
        <v>68</v>
      </c>
      <c r="D20" s="68" t="s">
        <v>20</v>
      </c>
      <c r="E20" s="66"/>
      <c r="F20" s="66"/>
      <c r="G20" s="67"/>
      <c r="H20" s="67"/>
      <c r="I20" s="25">
        <f t="shared" ref="I20:BH20" si="15">(I2&gt;=$E20)*AND(I2&lt;=$F20)</f>
        <v>0</v>
      </c>
      <c r="J20" s="25">
        <f t="shared" si="15"/>
        <v>0</v>
      </c>
      <c r="K20" s="25">
        <f t="shared" si="15"/>
        <v>0</v>
      </c>
      <c r="L20" s="25">
        <f t="shared" si="15"/>
        <v>0</v>
      </c>
      <c r="M20" s="25">
        <f t="shared" si="15"/>
        <v>0</v>
      </c>
      <c r="N20" s="25">
        <f t="shared" si="15"/>
        <v>0</v>
      </c>
      <c r="O20" s="25">
        <f t="shared" si="15"/>
        <v>0</v>
      </c>
      <c r="P20" s="25">
        <f t="shared" si="15"/>
        <v>0</v>
      </c>
      <c r="Q20" s="25">
        <f t="shared" si="15"/>
        <v>0</v>
      </c>
      <c r="R20" s="25">
        <f t="shared" si="15"/>
        <v>0</v>
      </c>
      <c r="S20" s="25">
        <f t="shared" si="15"/>
        <v>0</v>
      </c>
      <c r="T20" s="25">
        <f t="shared" si="15"/>
        <v>0</v>
      </c>
      <c r="U20" s="25">
        <f t="shared" si="15"/>
        <v>0</v>
      </c>
      <c r="V20" s="25">
        <f t="shared" si="15"/>
        <v>0</v>
      </c>
      <c r="W20" s="25">
        <f t="shared" si="15"/>
        <v>0</v>
      </c>
      <c r="X20" s="25">
        <f t="shared" si="15"/>
        <v>0</v>
      </c>
      <c r="Y20" s="25">
        <f t="shared" si="15"/>
        <v>0</v>
      </c>
      <c r="Z20" s="25">
        <f t="shared" si="15"/>
        <v>0</v>
      </c>
      <c r="AA20" s="25">
        <f t="shared" si="15"/>
        <v>0</v>
      </c>
      <c r="AB20" s="25">
        <f t="shared" si="15"/>
        <v>0</v>
      </c>
      <c r="AC20" s="25">
        <f t="shared" si="15"/>
        <v>0</v>
      </c>
      <c r="AD20" s="25">
        <f t="shared" si="15"/>
        <v>0</v>
      </c>
      <c r="AE20" s="25">
        <f t="shared" si="15"/>
        <v>0</v>
      </c>
      <c r="AF20" s="25">
        <f t="shared" si="15"/>
        <v>0</v>
      </c>
      <c r="AG20" s="25">
        <f t="shared" si="15"/>
        <v>0</v>
      </c>
      <c r="AH20" s="25">
        <f t="shared" si="15"/>
        <v>0</v>
      </c>
      <c r="AI20" s="25">
        <f t="shared" si="15"/>
        <v>0</v>
      </c>
      <c r="AJ20" s="25">
        <f t="shared" si="15"/>
        <v>0</v>
      </c>
      <c r="AK20" s="25">
        <f t="shared" si="15"/>
        <v>0</v>
      </c>
      <c r="AL20" s="25">
        <f t="shared" si="15"/>
        <v>0</v>
      </c>
      <c r="AM20" s="25">
        <f t="shared" si="15"/>
        <v>0</v>
      </c>
      <c r="AN20" s="25">
        <f t="shared" si="15"/>
        <v>0</v>
      </c>
      <c r="AO20" s="25">
        <f t="shared" si="15"/>
        <v>0</v>
      </c>
      <c r="AP20" s="25">
        <f t="shared" si="15"/>
        <v>0</v>
      </c>
      <c r="AQ20" s="25">
        <f t="shared" si="15"/>
        <v>0</v>
      </c>
      <c r="AR20" s="25">
        <f t="shared" si="15"/>
        <v>0</v>
      </c>
      <c r="AS20" s="25">
        <f t="shared" si="15"/>
        <v>0</v>
      </c>
      <c r="AT20" s="25">
        <f t="shared" si="15"/>
        <v>0</v>
      </c>
      <c r="AU20" s="25">
        <f t="shared" si="15"/>
        <v>0</v>
      </c>
      <c r="AV20" s="25">
        <f t="shared" si="15"/>
        <v>0</v>
      </c>
      <c r="AW20" s="25">
        <f t="shared" si="15"/>
        <v>0</v>
      </c>
      <c r="AX20" s="25">
        <f t="shared" si="15"/>
        <v>0</v>
      </c>
      <c r="AY20" s="25">
        <f t="shared" si="15"/>
        <v>0</v>
      </c>
      <c r="AZ20" s="25">
        <f t="shared" si="15"/>
        <v>0</v>
      </c>
      <c r="BA20" s="25">
        <f t="shared" si="15"/>
        <v>0</v>
      </c>
      <c r="BB20" s="25">
        <f t="shared" si="15"/>
        <v>0</v>
      </c>
      <c r="BC20" s="25">
        <f t="shared" si="15"/>
        <v>0</v>
      </c>
      <c r="BD20" s="25">
        <f t="shared" si="15"/>
        <v>0</v>
      </c>
      <c r="BE20" s="25">
        <f t="shared" si="15"/>
        <v>0</v>
      </c>
      <c r="BF20" s="25">
        <f t="shared" si="15"/>
        <v>0</v>
      </c>
      <c r="BG20" s="25">
        <f t="shared" si="15"/>
        <v>0</v>
      </c>
      <c r="BH20" s="26">
        <f t="shared" si="15"/>
        <v>0</v>
      </c>
    </row>
    <row r="21" spans="1:60" ht="30" customHeight="1">
      <c r="A21" s="118"/>
      <c r="B21" s="121"/>
      <c r="C21" s="63" t="s">
        <v>69</v>
      </c>
      <c r="D21" s="68" t="s">
        <v>20</v>
      </c>
      <c r="E21" s="66"/>
      <c r="F21" s="66"/>
      <c r="G21" s="67"/>
      <c r="H21" s="69"/>
      <c r="I21" s="25">
        <f t="shared" ref="I21:BH21" si="16">(I2&gt;=$E21)*AND(I2&lt;=$F21)</f>
        <v>0</v>
      </c>
      <c r="J21" s="25">
        <f t="shared" si="16"/>
        <v>0</v>
      </c>
      <c r="K21" s="25">
        <f t="shared" si="16"/>
        <v>0</v>
      </c>
      <c r="L21" s="25">
        <f t="shared" si="16"/>
        <v>0</v>
      </c>
      <c r="M21" s="25">
        <f t="shared" si="16"/>
        <v>0</v>
      </c>
      <c r="N21" s="25">
        <f t="shared" si="16"/>
        <v>0</v>
      </c>
      <c r="O21" s="25">
        <f t="shared" si="16"/>
        <v>0</v>
      </c>
      <c r="P21" s="25">
        <f t="shared" si="16"/>
        <v>0</v>
      </c>
      <c r="Q21" s="25">
        <f t="shared" si="16"/>
        <v>0</v>
      </c>
      <c r="R21" s="25">
        <f t="shared" si="16"/>
        <v>0</v>
      </c>
      <c r="S21" s="25">
        <f t="shared" si="16"/>
        <v>0</v>
      </c>
      <c r="T21" s="25">
        <f t="shared" si="16"/>
        <v>0</v>
      </c>
      <c r="U21" s="25">
        <f t="shared" si="16"/>
        <v>0</v>
      </c>
      <c r="V21" s="25">
        <f t="shared" si="16"/>
        <v>0</v>
      </c>
      <c r="W21" s="25">
        <f t="shared" si="16"/>
        <v>0</v>
      </c>
      <c r="X21" s="25">
        <f t="shared" si="16"/>
        <v>0</v>
      </c>
      <c r="Y21" s="25">
        <f t="shared" si="16"/>
        <v>0</v>
      </c>
      <c r="Z21" s="25">
        <f t="shared" si="16"/>
        <v>0</v>
      </c>
      <c r="AA21" s="25">
        <f t="shared" si="16"/>
        <v>0</v>
      </c>
      <c r="AB21" s="25">
        <f t="shared" si="16"/>
        <v>0</v>
      </c>
      <c r="AC21" s="25">
        <f t="shared" si="16"/>
        <v>0</v>
      </c>
      <c r="AD21" s="25">
        <f t="shared" si="16"/>
        <v>0</v>
      </c>
      <c r="AE21" s="25">
        <f t="shared" si="16"/>
        <v>0</v>
      </c>
      <c r="AF21" s="25">
        <f t="shared" si="16"/>
        <v>0</v>
      </c>
      <c r="AG21" s="25">
        <f t="shared" si="16"/>
        <v>0</v>
      </c>
      <c r="AH21" s="25">
        <f t="shared" si="16"/>
        <v>0</v>
      </c>
      <c r="AI21" s="25">
        <f t="shared" si="16"/>
        <v>0</v>
      </c>
      <c r="AJ21" s="25">
        <f t="shared" si="16"/>
        <v>0</v>
      </c>
      <c r="AK21" s="25">
        <f t="shared" si="16"/>
        <v>0</v>
      </c>
      <c r="AL21" s="25">
        <f t="shared" si="16"/>
        <v>0</v>
      </c>
      <c r="AM21" s="25">
        <f t="shared" si="16"/>
        <v>0</v>
      </c>
      <c r="AN21" s="25">
        <f t="shared" si="16"/>
        <v>0</v>
      </c>
      <c r="AO21" s="25">
        <f t="shared" si="16"/>
        <v>0</v>
      </c>
      <c r="AP21" s="25">
        <f t="shared" si="16"/>
        <v>0</v>
      </c>
      <c r="AQ21" s="25">
        <f t="shared" si="16"/>
        <v>0</v>
      </c>
      <c r="AR21" s="25">
        <f t="shared" si="16"/>
        <v>0</v>
      </c>
      <c r="AS21" s="25">
        <f t="shared" si="16"/>
        <v>0</v>
      </c>
      <c r="AT21" s="25">
        <f t="shared" si="16"/>
        <v>0</v>
      </c>
      <c r="AU21" s="25">
        <f t="shared" si="16"/>
        <v>0</v>
      </c>
      <c r="AV21" s="25">
        <f t="shared" si="16"/>
        <v>0</v>
      </c>
      <c r="AW21" s="25">
        <f t="shared" si="16"/>
        <v>0</v>
      </c>
      <c r="AX21" s="25">
        <f t="shared" si="16"/>
        <v>0</v>
      </c>
      <c r="AY21" s="25">
        <f t="shared" si="16"/>
        <v>0</v>
      </c>
      <c r="AZ21" s="25">
        <f t="shared" si="16"/>
        <v>0</v>
      </c>
      <c r="BA21" s="25">
        <f t="shared" si="16"/>
        <v>0</v>
      </c>
      <c r="BB21" s="25">
        <f t="shared" si="16"/>
        <v>0</v>
      </c>
      <c r="BC21" s="25">
        <f t="shared" si="16"/>
        <v>0</v>
      </c>
      <c r="BD21" s="25">
        <f t="shared" si="16"/>
        <v>0</v>
      </c>
      <c r="BE21" s="25">
        <f t="shared" si="16"/>
        <v>0</v>
      </c>
      <c r="BF21" s="25">
        <f t="shared" si="16"/>
        <v>0</v>
      </c>
      <c r="BG21" s="25">
        <f t="shared" si="16"/>
        <v>0</v>
      </c>
      <c r="BH21" s="26">
        <f t="shared" si="16"/>
        <v>0</v>
      </c>
    </row>
    <row r="22" spans="1:60" s="3" customFormat="1" ht="30" customHeight="1">
      <c r="A22" s="118"/>
      <c r="B22" s="118" t="s">
        <v>70</v>
      </c>
      <c r="C22" s="71" t="s">
        <v>71</v>
      </c>
      <c r="D22" s="72" t="s">
        <v>20</v>
      </c>
      <c r="E22" s="73"/>
      <c r="F22" s="73"/>
      <c r="G22" s="72"/>
      <c r="H22" s="74"/>
      <c r="I22" s="25">
        <f t="shared" ref="I22:BH22" si="17">(I2&gt;=$E22)*AND(I2&lt;=$F22)</f>
        <v>0</v>
      </c>
      <c r="J22" s="25">
        <f t="shared" si="17"/>
        <v>0</v>
      </c>
      <c r="K22" s="25">
        <f t="shared" si="17"/>
        <v>0</v>
      </c>
      <c r="L22" s="25">
        <f t="shared" si="17"/>
        <v>0</v>
      </c>
      <c r="M22" s="25">
        <f t="shared" si="17"/>
        <v>0</v>
      </c>
      <c r="N22" s="25">
        <f t="shared" si="17"/>
        <v>0</v>
      </c>
      <c r="O22" s="25">
        <f t="shared" si="17"/>
        <v>0</v>
      </c>
      <c r="P22" s="25">
        <f t="shared" si="17"/>
        <v>0</v>
      </c>
      <c r="Q22" s="25">
        <f t="shared" si="17"/>
        <v>0</v>
      </c>
      <c r="R22" s="25">
        <f t="shared" si="17"/>
        <v>0</v>
      </c>
      <c r="S22" s="25">
        <f t="shared" si="17"/>
        <v>0</v>
      </c>
      <c r="T22" s="25">
        <f t="shared" si="17"/>
        <v>0</v>
      </c>
      <c r="U22" s="25">
        <f t="shared" si="17"/>
        <v>0</v>
      </c>
      <c r="V22" s="25">
        <f t="shared" si="17"/>
        <v>0</v>
      </c>
      <c r="W22" s="25">
        <f t="shared" si="17"/>
        <v>0</v>
      </c>
      <c r="X22" s="25">
        <f t="shared" si="17"/>
        <v>0</v>
      </c>
      <c r="Y22" s="25">
        <f t="shared" si="17"/>
        <v>0</v>
      </c>
      <c r="Z22" s="25">
        <f t="shared" si="17"/>
        <v>0</v>
      </c>
      <c r="AA22" s="25">
        <f t="shared" si="17"/>
        <v>0</v>
      </c>
      <c r="AB22" s="25">
        <f t="shared" si="17"/>
        <v>0</v>
      </c>
      <c r="AC22" s="25">
        <f t="shared" si="17"/>
        <v>0</v>
      </c>
      <c r="AD22" s="25">
        <f t="shared" si="17"/>
        <v>0</v>
      </c>
      <c r="AE22" s="25">
        <f t="shared" si="17"/>
        <v>0</v>
      </c>
      <c r="AF22" s="25">
        <f t="shared" si="17"/>
        <v>0</v>
      </c>
      <c r="AG22" s="25">
        <f t="shared" si="17"/>
        <v>0</v>
      </c>
      <c r="AH22" s="25">
        <f t="shared" si="17"/>
        <v>0</v>
      </c>
      <c r="AI22" s="25">
        <f t="shared" si="17"/>
        <v>0</v>
      </c>
      <c r="AJ22" s="25">
        <f t="shared" si="17"/>
        <v>0</v>
      </c>
      <c r="AK22" s="25">
        <f t="shared" si="17"/>
        <v>0</v>
      </c>
      <c r="AL22" s="25">
        <f t="shared" si="17"/>
        <v>0</v>
      </c>
      <c r="AM22" s="25">
        <f t="shared" si="17"/>
        <v>0</v>
      </c>
      <c r="AN22" s="25">
        <f t="shared" si="17"/>
        <v>0</v>
      </c>
      <c r="AO22" s="25">
        <f t="shared" si="17"/>
        <v>0</v>
      </c>
      <c r="AP22" s="25">
        <f t="shared" si="17"/>
        <v>0</v>
      </c>
      <c r="AQ22" s="25">
        <f t="shared" si="17"/>
        <v>0</v>
      </c>
      <c r="AR22" s="25">
        <f t="shared" si="17"/>
        <v>0</v>
      </c>
      <c r="AS22" s="25">
        <f t="shared" si="17"/>
        <v>0</v>
      </c>
      <c r="AT22" s="25">
        <f t="shared" si="17"/>
        <v>0</v>
      </c>
      <c r="AU22" s="25">
        <f t="shared" si="17"/>
        <v>0</v>
      </c>
      <c r="AV22" s="25">
        <f t="shared" si="17"/>
        <v>0</v>
      </c>
      <c r="AW22" s="25">
        <f t="shared" si="17"/>
        <v>0</v>
      </c>
      <c r="AX22" s="25">
        <f t="shared" si="17"/>
        <v>0</v>
      </c>
      <c r="AY22" s="25">
        <f t="shared" si="17"/>
        <v>0</v>
      </c>
      <c r="AZ22" s="25">
        <f t="shared" si="17"/>
        <v>0</v>
      </c>
      <c r="BA22" s="25">
        <f t="shared" si="17"/>
        <v>0</v>
      </c>
      <c r="BB22" s="25">
        <f t="shared" si="17"/>
        <v>0</v>
      </c>
      <c r="BC22" s="25">
        <f t="shared" si="17"/>
        <v>0</v>
      </c>
      <c r="BD22" s="25">
        <f t="shared" si="17"/>
        <v>0</v>
      </c>
      <c r="BE22" s="25">
        <f t="shared" si="17"/>
        <v>0</v>
      </c>
      <c r="BF22" s="25">
        <f t="shared" si="17"/>
        <v>0</v>
      </c>
      <c r="BG22" s="25">
        <f t="shared" si="17"/>
        <v>0</v>
      </c>
      <c r="BH22" s="26">
        <f t="shared" si="17"/>
        <v>0</v>
      </c>
    </row>
    <row r="23" spans="1:60" s="3" customFormat="1" ht="30" customHeight="1">
      <c r="A23" s="118"/>
      <c r="B23" s="118"/>
      <c r="C23" s="71" t="s">
        <v>72</v>
      </c>
      <c r="D23" s="72" t="s">
        <v>20</v>
      </c>
      <c r="E23" s="73"/>
      <c r="F23" s="73"/>
      <c r="G23" s="72"/>
      <c r="H23" s="74"/>
      <c r="I23" s="25">
        <f t="shared" ref="I23:BH23" si="18">(I2&gt;=$E23)*AND(I2&lt;=$F23)</f>
        <v>0</v>
      </c>
      <c r="J23" s="25">
        <f t="shared" si="18"/>
        <v>0</v>
      </c>
      <c r="K23" s="25">
        <f t="shared" si="18"/>
        <v>0</v>
      </c>
      <c r="L23" s="25">
        <f t="shared" si="18"/>
        <v>0</v>
      </c>
      <c r="M23" s="25">
        <f t="shared" si="18"/>
        <v>0</v>
      </c>
      <c r="N23" s="25">
        <f t="shared" si="18"/>
        <v>0</v>
      </c>
      <c r="O23" s="25">
        <f t="shared" si="18"/>
        <v>0</v>
      </c>
      <c r="P23" s="25">
        <f t="shared" si="18"/>
        <v>0</v>
      </c>
      <c r="Q23" s="25">
        <f t="shared" si="18"/>
        <v>0</v>
      </c>
      <c r="R23" s="25">
        <f t="shared" si="18"/>
        <v>0</v>
      </c>
      <c r="S23" s="25">
        <f t="shared" si="18"/>
        <v>0</v>
      </c>
      <c r="T23" s="25">
        <f t="shared" si="18"/>
        <v>0</v>
      </c>
      <c r="U23" s="25">
        <f t="shared" si="18"/>
        <v>0</v>
      </c>
      <c r="V23" s="25">
        <f t="shared" si="18"/>
        <v>0</v>
      </c>
      <c r="W23" s="25">
        <f t="shared" si="18"/>
        <v>0</v>
      </c>
      <c r="X23" s="25">
        <f t="shared" si="18"/>
        <v>0</v>
      </c>
      <c r="Y23" s="25">
        <f t="shared" si="18"/>
        <v>0</v>
      </c>
      <c r="Z23" s="25">
        <f t="shared" si="18"/>
        <v>0</v>
      </c>
      <c r="AA23" s="25">
        <f t="shared" si="18"/>
        <v>0</v>
      </c>
      <c r="AB23" s="25">
        <f t="shared" si="18"/>
        <v>0</v>
      </c>
      <c r="AC23" s="25">
        <f t="shared" si="18"/>
        <v>0</v>
      </c>
      <c r="AD23" s="25">
        <f t="shared" si="18"/>
        <v>0</v>
      </c>
      <c r="AE23" s="25">
        <f t="shared" si="18"/>
        <v>0</v>
      </c>
      <c r="AF23" s="25">
        <f t="shared" si="18"/>
        <v>0</v>
      </c>
      <c r="AG23" s="25">
        <f t="shared" si="18"/>
        <v>0</v>
      </c>
      <c r="AH23" s="25">
        <f t="shared" si="18"/>
        <v>0</v>
      </c>
      <c r="AI23" s="25">
        <f t="shared" si="18"/>
        <v>0</v>
      </c>
      <c r="AJ23" s="25">
        <f t="shared" si="18"/>
        <v>0</v>
      </c>
      <c r="AK23" s="25">
        <f t="shared" si="18"/>
        <v>0</v>
      </c>
      <c r="AL23" s="25">
        <f t="shared" si="18"/>
        <v>0</v>
      </c>
      <c r="AM23" s="25">
        <f t="shared" si="18"/>
        <v>0</v>
      </c>
      <c r="AN23" s="25">
        <f t="shared" si="18"/>
        <v>0</v>
      </c>
      <c r="AO23" s="25">
        <f t="shared" si="18"/>
        <v>0</v>
      </c>
      <c r="AP23" s="25">
        <f t="shared" si="18"/>
        <v>0</v>
      </c>
      <c r="AQ23" s="25">
        <f t="shared" si="18"/>
        <v>0</v>
      </c>
      <c r="AR23" s="25">
        <f t="shared" si="18"/>
        <v>0</v>
      </c>
      <c r="AS23" s="25">
        <f t="shared" si="18"/>
        <v>0</v>
      </c>
      <c r="AT23" s="25">
        <f t="shared" si="18"/>
        <v>0</v>
      </c>
      <c r="AU23" s="25">
        <f t="shared" si="18"/>
        <v>0</v>
      </c>
      <c r="AV23" s="25">
        <f t="shared" si="18"/>
        <v>0</v>
      </c>
      <c r="AW23" s="25">
        <f t="shared" si="18"/>
        <v>0</v>
      </c>
      <c r="AX23" s="25">
        <f t="shared" si="18"/>
        <v>0</v>
      </c>
      <c r="AY23" s="25">
        <f t="shared" si="18"/>
        <v>0</v>
      </c>
      <c r="AZ23" s="25">
        <f t="shared" si="18"/>
        <v>0</v>
      </c>
      <c r="BA23" s="25">
        <f t="shared" si="18"/>
        <v>0</v>
      </c>
      <c r="BB23" s="25">
        <f t="shared" si="18"/>
        <v>0</v>
      </c>
      <c r="BC23" s="25">
        <f t="shared" si="18"/>
        <v>0</v>
      </c>
      <c r="BD23" s="25">
        <f t="shared" si="18"/>
        <v>0</v>
      </c>
      <c r="BE23" s="25">
        <f t="shared" si="18"/>
        <v>0</v>
      </c>
      <c r="BF23" s="25">
        <f t="shared" si="18"/>
        <v>0</v>
      </c>
      <c r="BG23" s="25">
        <f t="shared" si="18"/>
        <v>0</v>
      </c>
      <c r="BH23" s="26">
        <f t="shared" si="18"/>
        <v>0</v>
      </c>
    </row>
    <row r="24" spans="1:60" s="3" customFormat="1" ht="30" customHeight="1">
      <c r="A24" s="118"/>
      <c r="B24" s="118"/>
      <c r="C24" s="71" t="s">
        <v>73</v>
      </c>
      <c r="D24" s="72" t="s">
        <v>20</v>
      </c>
      <c r="E24" s="73"/>
      <c r="F24" s="73"/>
      <c r="G24" s="72"/>
      <c r="H24" s="74"/>
      <c r="I24" s="25">
        <f t="shared" ref="I24:BH24" si="19">(I2&gt;=$E24)*AND(I2&lt;=$F24)</f>
        <v>0</v>
      </c>
      <c r="J24" s="25">
        <f t="shared" si="19"/>
        <v>0</v>
      </c>
      <c r="K24" s="25">
        <f t="shared" si="19"/>
        <v>0</v>
      </c>
      <c r="L24" s="25">
        <f t="shared" si="19"/>
        <v>0</v>
      </c>
      <c r="M24" s="25">
        <f t="shared" si="19"/>
        <v>0</v>
      </c>
      <c r="N24" s="25">
        <f t="shared" si="19"/>
        <v>0</v>
      </c>
      <c r="O24" s="25">
        <f t="shared" si="19"/>
        <v>0</v>
      </c>
      <c r="P24" s="25">
        <f t="shared" si="19"/>
        <v>0</v>
      </c>
      <c r="Q24" s="25">
        <f t="shared" si="19"/>
        <v>0</v>
      </c>
      <c r="R24" s="25">
        <f t="shared" si="19"/>
        <v>0</v>
      </c>
      <c r="S24" s="25">
        <f t="shared" si="19"/>
        <v>0</v>
      </c>
      <c r="T24" s="25">
        <f t="shared" si="19"/>
        <v>0</v>
      </c>
      <c r="U24" s="25">
        <f t="shared" si="19"/>
        <v>0</v>
      </c>
      <c r="V24" s="25">
        <f t="shared" si="19"/>
        <v>0</v>
      </c>
      <c r="W24" s="25">
        <f t="shared" si="19"/>
        <v>0</v>
      </c>
      <c r="X24" s="25">
        <f t="shared" si="19"/>
        <v>0</v>
      </c>
      <c r="Y24" s="25">
        <f t="shared" si="19"/>
        <v>0</v>
      </c>
      <c r="Z24" s="25">
        <f t="shared" si="19"/>
        <v>0</v>
      </c>
      <c r="AA24" s="25">
        <f t="shared" si="19"/>
        <v>0</v>
      </c>
      <c r="AB24" s="25">
        <f t="shared" si="19"/>
        <v>0</v>
      </c>
      <c r="AC24" s="25">
        <f t="shared" si="19"/>
        <v>0</v>
      </c>
      <c r="AD24" s="25">
        <f t="shared" si="19"/>
        <v>0</v>
      </c>
      <c r="AE24" s="25">
        <f t="shared" si="19"/>
        <v>0</v>
      </c>
      <c r="AF24" s="25">
        <f t="shared" si="19"/>
        <v>0</v>
      </c>
      <c r="AG24" s="25">
        <f t="shared" si="19"/>
        <v>0</v>
      </c>
      <c r="AH24" s="25">
        <f t="shared" si="19"/>
        <v>0</v>
      </c>
      <c r="AI24" s="25">
        <f t="shared" si="19"/>
        <v>0</v>
      </c>
      <c r="AJ24" s="25">
        <f t="shared" si="19"/>
        <v>0</v>
      </c>
      <c r="AK24" s="25">
        <f t="shared" si="19"/>
        <v>0</v>
      </c>
      <c r="AL24" s="25">
        <f t="shared" si="19"/>
        <v>0</v>
      </c>
      <c r="AM24" s="25">
        <f t="shared" si="19"/>
        <v>0</v>
      </c>
      <c r="AN24" s="25">
        <f t="shared" si="19"/>
        <v>0</v>
      </c>
      <c r="AO24" s="25">
        <f t="shared" si="19"/>
        <v>0</v>
      </c>
      <c r="AP24" s="25">
        <f t="shared" si="19"/>
        <v>0</v>
      </c>
      <c r="AQ24" s="25">
        <f t="shared" si="19"/>
        <v>0</v>
      </c>
      <c r="AR24" s="25">
        <f t="shared" si="19"/>
        <v>0</v>
      </c>
      <c r="AS24" s="25">
        <f t="shared" si="19"/>
        <v>0</v>
      </c>
      <c r="AT24" s="25">
        <f t="shared" si="19"/>
        <v>0</v>
      </c>
      <c r="AU24" s="25">
        <f t="shared" si="19"/>
        <v>0</v>
      </c>
      <c r="AV24" s="25">
        <f t="shared" si="19"/>
        <v>0</v>
      </c>
      <c r="AW24" s="25">
        <f t="shared" si="19"/>
        <v>0</v>
      </c>
      <c r="AX24" s="25">
        <f t="shared" si="19"/>
        <v>0</v>
      </c>
      <c r="AY24" s="25">
        <f t="shared" si="19"/>
        <v>0</v>
      </c>
      <c r="AZ24" s="25">
        <f t="shared" si="19"/>
        <v>0</v>
      </c>
      <c r="BA24" s="25">
        <f t="shared" si="19"/>
        <v>0</v>
      </c>
      <c r="BB24" s="25">
        <f t="shared" si="19"/>
        <v>0</v>
      </c>
      <c r="BC24" s="25">
        <f t="shared" si="19"/>
        <v>0</v>
      </c>
      <c r="BD24" s="25">
        <f t="shared" si="19"/>
        <v>0</v>
      </c>
      <c r="BE24" s="25">
        <f t="shared" si="19"/>
        <v>0</v>
      </c>
      <c r="BF24" s="25">
        <f t="shared" si="19"/>
        <v>0</v>
      </c>
      <c r="BG24" s="25">
        <f t="shared" si="19"/>
        <v>0</v>
      </c>
      <c r="BH24" s="26">
        <f t="shared" si="19"/>
        <v>0</v>
      </c>
    </row>
    <row r="25" spans="1:60" s="3" customFormat="1" ht="30" customHeight="1">
      <c r="A25" s="118"/>
      <c r="B25" s="118"/>
      <c r="C25" s="71" t="s">
        <v>74</v>
      </c>
      <c r="D25" s="72" t="s">
        <v>20</v>
      </c>
      <c r="E25" s="73"/>
      <c r="F25" s="73"/>
      <c r="G25" s="72"/>
      <c r="H25" s="74"/>
      <c r="I25" s="25">
        <f t="shared" ref="I25:BH25" si="20">(I2&gt;=$E25)*AND(I2&lt;=$F25)</f>
        <v>0</v>
      </c>
      <c r="J25" s="25">
        <f t="shared" si="20"/>
        <v>0</v>
      </c>
      <c r="K25" s="25">
        <f t="shared" si="20"/>
        <v>0</v>
      </c>
      <c r="L25" s="25">
        <f t="shared" si="20"/>
        <v>0</v>
      </c>
      <c r="M25" s="25">
        <f t="shared" si="20"/>
        <v>0</v>
      </c>
      <c r="N25" s="25">
        <f t="shared" si="20"/>
        <v>0</v>
      </c>
      <c r="O25" s="25">
        <f t="shared" si="20"/>
        <v>0</v>
      </c>
      <c r="P25" s="25">
        <f t="shared" si="20"/>
        <v>0</v>
      </c>
      <c r="Q25" s="25">
        <f t="shared" si="20"/>
        <v>0</v>
      </c>
      <c r="R25" s="25">
        <f t="shared" si="20"/>
        <v>0</v>
      </c>
      <c r="S25" s="25">
        <f t="shared" si="20"/>
        <v>0</v>
      </c>
      <c r="T25" s="25">
        <f t="shared" si="20"/>
        <v>0</v>
      </c>
      <c r="U25" s="25">
        <f t="shared" si="20"/>
        <v>0</v>
      </c>
      <c r="V25" s="25">
        <f t="shared" si="20"/>
        <v>0</v>
      </c>
      <c r="W25" s="25">
        <f t="shared" si="20"/>
        <v>0</v>
      </c>
      <c r="X25" s="25">
        <f t="shared" si="20"/>
        <v>0</v>
      </c>
      <c r="Y25" s="25">
        <f t="shared" si="20"/>
        <v>0</v>
      </c>
      <c r="Z25" s="25">
        <f t="shared" si="20"/>
        <v>0</v>
      </c>
      <c r="AA25" s="25">
        <f t="shared" si="20"/>
        <v>0</v>
      </c>
      <c r="AB25" s="25">
        <f t="shared" si="20"/>
        <v>0</v>
      </c>
      <c r="AC25" s="25">
        <f t="shared" si="20"/>
        <v>0</v>
      </c>
      <c r="AD25" s="25">
        <f t="shared" si="20"/>
        <v>0</v>
      </c>
      <c r="AE25" s="25">
        <f t="shared" si="20"/>
        <v>0</v>
      </c>
      <c r="AF25" s="25">
        <f t="shared" si="20"/>
        <v>0</v>
      </c>
      <c r="AG25" s="25">
        <f t="shared" si="20"/>
        <v>0</v>
      </c>
      <c r="AH25" s="25">
        <f t="shared" si="20"/>
        <v>0</v>
      </c>
      <c r="AI25" s="25">
        <f t="shared" si="20"/>
        <v>0</v>
      </c>
      <c r="AJ25" s="25">
        <f t="shared" si="20"/>
        <v>0</v>
      </c>
      <c r="AK25" s="25">
        <f t="shared" si="20"/>
        <v>0</v>
      </c>
      <c r="AL25" s="25">
        <f t="shared" si="20"/>
        <v>0</v>
      </c>
      <c r="AM25" s="25">
        <f t="shared" si="20"/>
        <v>0</v>
      </c>
      <c r="AN25" s="25">
        <f t="shared" si="20"/>
        <v>0</v>
      </c>
      <c r="AO25" s="25">
        <f t="shared" si="20"/>
        <v>0</v>
      </c>
      <c r="AP25" s="25">
        <f t="shared" si="20"/>
        <v>0</v>
      </c>
      <c r="AQ25" s="25">
        <f t="shared" si="20"/>
        <v>0</v>
      </c>
      <c r="AR25" s="25">
        <f t="shared" si="20"/>
        <v>0</v>
      </c>
      <c r="AS25" s="25">
        <f t="shared" si="20"/>
        <v>0</v>
      </c>
      <c r="AT25" s="25">
        <f t="shared" si="20"/>
        <v>0</v>
      </c>
      <c r="AU25" s="25">
        <f t="shared" si="20"/>
        <v>0</v>
      </c>
      <c r="AV25" s="25">
        <f t="shared" si="20"/>
        <v>0</v>
      </c>
      <c r="AW25" s="25">
        <f t="shared" si="20"/>
        <v>0</v>
      </c>
      <c r="AX25" s="25">
        <f t="shared" si="20"/>
        <v>0</v>
      </c>
      <c r="AY25" s="25">
        <f t="shared" si="20"/>
        <v>0</v>
      </c>
      <c r="AZ25" s="25">
        <f t="shared" si="20"/>
        <v>0</v>
      </c>
      <c r="BA25" s="25">
        <f t="shared" si="20"/>
        <v>0</v>
      </c>
      <c r="BB25" s="25">
        <f t="shared" si="20"/>
        <v>0</v>
      </c>
      <c r="BC25" s="25">
        <f t="shared" si="20"/>
        <v>0</v>
      </c>
      <c r="BD25" s="25">
        <f t="shared" si="20"/>
        <v>0</v>
      </c>
      <c r="BE25" s="25">
        <f t="shared" si="20"/>
        <v>0</v>
      </c>
      <c r="BF25" s="25">
        <f t="shared" si="20"/>
        <v>0</v>
      </c>
      <c r="BG25" s="25">
        <f t="shared" si="20"/>
        <v>0</v>
      </c>
      <c r="BH25" s="25">
        <f t="shared" si="20"/>
        <v>0</v>
      </c>
    </row>
    <row r="26" spans="1:60" s="3" customFormat="1" ht="30" customHeight="1">
      <c r="A26" s="118"/>
      <c r="B26" s="118"/>
      <c r="C26" s="71" t="s">
        <v>75</v>
      </c>
      <c r="D26" s="72" t="s">
        <v>20</v>
      </c>
      <c r="E26" s="73"/>
      <c r="F26" s="73"/>
      <c r="G26" s="72"/>
      <c r="H26" s="74"/>
      <c r="I26" s="25">
        <f t="shared" ref="I26:BH26" si="21">(I2&gt;=$E26)*AND(I2&lt;=$F26)</f>
        <v>0</v>
      </c>
      <c r="J26" s="25">
        <f t="shared" si="21"/>
        <v>0</v>
      </c>
      <c r="K26" s="25">
        <f t="shared" si="21"/>
        <v>0</v>
      </c>
      <c r="L26" s="25">
        <f t="shared" si="21"/>
        <v>0</v>
      </c>
      <c r="M26" s="25">
        <f t="shared" si="21"/>
        <v>0</v>
      </c>
      <c r="N26" s="25">
        <f t="shared" si="21"/>
        <v>0</v>
      </c>
      <c r="O26" s="25">
        <f t="shared" si="21"/>
        <v>0</v>
      </c>
      <c r="P26" s="25">
        <f t="shared" si="21"/>
        <v>0</v>
      </c>
      <c r="Q26" s="25">
        <f t="shared" si="21"/>
        <v>0</v>
      </c>
      <c r="R26" s="25">
        <f t="shared" si="21"/>
        <v>0</v>
      </c>
      <c r="S26" s="25">
        <f t="shared" si="21"/>
        <v>0</v>
      </c>
      <c r="T26" s="25">
        <f t="shared" si="21"/>
        <v>0</v>
      </c>
      <c r="U26" s="25">
        <f t="shared" si="21"/>
        <v>0</v>
      </c>
      <c r="V26" s="25">
        <f t="shared" si="21"/>
        <v>0</v>
      </c>
      <c r="W26" s="25">
        <f t="shared" si="21"/>
        <v>0</v>
      </c>
      <c r="X26" s="25">
        <f t="shared" si="21"/>
        <v>0</v>
      </c>
      <c r="Y26" s="25">
        <f t="shared" si="21"/>
        <v>0</v>
      </c>
      <c r="Z26" s="25">
        <f t="shared" si="21"/>
        <v>0</v>
      </c>
      <c r="AA26" s="25">
        <f t="shared" si="21"/>
        <v>0</v>
      </c>
      <c r="AB26" s="25">
        <f t="shared" si="21"/>
        <v>0</v>
      </c>
      <c r="AC26" s="25">
        <f t="shared" si="21"/>
        <v>0</v>
      </c>
      <c r="AD26" s="25">
        <f t="shared" si="21"/>
        <v>0</v>
      </c>
      <c r="AE26" s="25">
        <f t="shared" si="21"/>
        <v>0</v>
      </c>
      <c r="AF26" s="25">
        <f t="shared" si="21"/>
        <v>0</v>
      </c>
      <c r="AG26" s="25">
        <f t="shared" si="21"/>
        <v>0</v>
      </c>
      <c r="AH26" s="25">
        <f t="shared" si="21"/>
        <v>0</v>
      </c>
      <c r="AI26" s="25">
        <f t="shared" si="21"/>
        <v>0</v>
      </c>
      <c r="AJ26" s="25">
        <f t="shared" si="21"/>
        <v>0</v>
      </c>
      <c r="AK26" s="25">
        <f t="shared" si="21"/>
        <v>0</v>
      </c>
      <c r="AL26" s="25">
        <f t="shared" si="21"/>
        <v>0</v>
      </c>
      <c r="AM26" s="25">
        <f t="shared" si="21"/>
        <v>0</v>
      </c>
      <c r="AN26" s="25">
        <f t="shared" si="21"/>
        <v>0</v>
      </c>
      <c r="AO26" s="25">
        <f t="shared" si="21"/>
        <v>0</v>
      </c>
      <c r="AP26" s="25">
        <f t="shared" si="21"/>
        <v>0</v>
      </c>
      <c r="AQ26" s="25">
        <f t="shared" si="21"/>
        <v>0</v>
      </c>
      <c r="AR26" s="25">
        <f t="shared" si="21"/>
        <v>0</v>
      </c>
      <c r="AS26" s="25">
        <f t="shared" si="21"/>
        <v>0</v>
      </c>
      <c r="AT26" s="25">
        <f t="shared" si="21"/>
        <v>0</v>
      </c>
      <c r="AU26" s="25">
        <f t="shared" si="21"/>
        <v>0</v>
      </c>
      <c r="AV26" s="25">
        <f t="shared" si="21"/>
        <v>0</v>
      </c>
      <c r="AW26" s="25">
        <f t="shared" si="21"/>
        <v>0</v>
      </c>
      <c r="AX26" s="25">
        <f t="shared" si="21"/>
        <v>0</v>
      </c>
      <c r="AY26" s="25">
        <f t="shared" si="21"/>
        <v>0</v>
      </c>
      <c r="AZ26" s="25">
        <f t="shared" si="21"/>
        <v>0</v>
      </c>
      <c r="BA26" s="25">
        <f t="shared" si="21"/>
        <v>0</v>
      </c>
      <c r="BB26" s="25">
        <f t="shared" si="21"/>
        <v>0</v>
      </c>
      <c r="BC26" s="25">
        <f t="shared" si="21"/>
        <v>0</v>
      </c>
      <c r="BD26" s="25">
        <f t="shared" si="21"/>
        <v>0</v>
      </c>
      <c r="BE26" s="25">
        <f t="shared" si="21"/>
        <v>0</v>
      </c>
      <c r="BF26" s="25">
        <f t="shared" si="21"/>
        <v>0</v>
      </c>
      <c r="BG26" s="25">
        <f t="shared" si="21"/>
        <v>0</v>
      </c>
      <c r="BH26" s="26">
        <f t="shared" si="21"/>
        <v>0</v>
      </c>
    </row>
    <row r="27" spans="1:60" s="3" customFormat="1" ht="30" customHeight="1">
      <c r="A27" s="118"/>
      <c r="B27" s="118"/>
      <c r="C27" s="71" t="s">
        <v>76</v>
      </c>
      <c r="D27" s="72" t="s">
        <v>20</v>
      </c>
      <c r="E27" s="73"/>
      <c r="F27" s="73"/>
      <c r="G27" s="72"/>
      <c r="H27" s="74"/>
      <c r="I27" s="25">
        <f t="shared" ref="I27:BH27" si="22">(I2&gt;=$E27)*AND(I2&lt;=$F27)</f>
        <v>0</v>
      </c>
      <c r="J27" s="25">
        <f t="shared" si="22"/>
        <v>0</v>
      </c>
      <c r="K27" s="25">
        <f t="shared" si="22"/>
        <v>0</v>
      </c>
      <c r="L27" s="25">
        <f t="shared" si="22"/>
        <v>0</v>
      </c>
      <c r="M27" s="25">
        <f t="shared" si="22"/>
        <v>0</v>
      </c>
      <c r="N27" s="25">
        <f t="shared" si="22"/>
        <v>0</v>
      </c>
      <c r="O27" s="25">
        <f t="shared" si="22"/>
        <v>0</v>
      </c>
      <c r="P27" s="25">
        <f t="shared" si="22"/>
        <v>0</v>
      </c>
      <c r="Q27" s="25">
        <f t="shared" si="22"/>
        <v>0</v>
      </c>
      <c r="R27" s="25">
        <f t="shared" si="22"/>
        <v>0</v>
      </c>
      <c r="S27" s="25">
        <f t="shared" si="22"/>
        <v>0</v>
      </c>
      <c r="T27" s="25">
        <f t="shared" si="22"/>
        <v>0</v>
      </c>
      <c r="U27" s="25">
        <f t="shared" si="22"/>
        <v>0</v>
      </c>
      <c r="V27" s="25">
        <f t="shared" si="22"/>
        <v>0</v>
      </c>
      <c r="W27" s="25">
        <f t="shared" si="22"/>
        <v>0</v>
      </c>
      <c r="X27" s="25">
        <f t="shared" si="22"/>
        <v>0</v>
      </c>
      <c r="Y27" s="25">
        <f t="shared" si="22"/>
        <v>0</v>
      </c>
      <c r="Z27" s="25">
        <f t="shared" si="22"/>
        <v>0</v>
      </c>
      <c r="AA27" s="25">
        <f t="shared" si="22"/>
        <v>0</v>
      </c>
      <c r="AB27" s="25">
        <f t="shared" si="22"/>
        <v>0</v>
      </c>
      <c r="AC27" s="25">
        <f t="shared" si="22"/>
        <v>0</v>
      </c>
      <c r="AD27" s="25">
        <f t="shared" si="22"/>
        <v>0</v>
      </c>
      <c r="AE27" s="25">
        <f t="shared" si="22"/>
        <v>0</v>
      </c>
      <c r="AF27" s="25">
        <f t="shared" si="22"/>
        <v>0</v>
      </c>
      <c r="AG27" s="25">
        <f t="shared" si="22"/>
        <v>0</v>
      </c>
      <c r="AH27" s="25">
        <f t="shared" si="22"/>
        <v>0</v>
      </c>
      <c r="AI27" s="25">
        <f t="shared" si="22"/>
        <v>0</v>
      </c>
      <c r="AJ27" s="25">
        <f t="shared" si="22"/>
        <v>0</v>
      </c>
      <c r="AK27" s="25">
        <f t="shared" si="22"/>
        <v>0</v>
      </c>
      <c r="AL27" s="25">
        <f t="shared" si="22"/>
        <v>0</v>
      </c>
      <c r="AM27" s="25">
        <f t="shared" si="22"/>
        <v>0</v>
      </c>
      <c r="AN27" s="25">
        <f t="shared" si="22"/>
        <v>0</v>
      </c>
      <c r="AO27" s="25">
        <f t="shared" si="22"/>
        <v>0</v>
      </c>
      <c r="AP27" s="25">
        <f t="shared" si="22"/>
        <v>0</v>
      </c>
      <c r="AQ27" s="25">
        <f t="shared" si="22"/>
        <v>0</v>
      </c>
      <c r="AR27" s="25">
        <f t="shared" si="22"/>
        <v>0</v>
      </c>
      <c r="AS27" s="25">
        <f t="shared" si="22"/>
        <v>0</v>
      </c>
      <c r="AT27" s="25">
        <f t="shared" si="22"/>
        <v>0</v>
      </c>
      <c r="AU27" s="25">
        <f t="shared" si="22"/>
        <v>0</v>
      </c>
      <c r="AV27" s="25">
        <f t="shared" si="22"/>
        <v>0</v>
      </c>
      <c r="AW27" s="25">
        <f t="shared" si="22"/>
        <v>0</v>
      </c>
      <c r="AX27" s="25">
        <f t="shared" si="22"/>
        <v>0</v>
      </c>
      <c r="AY27" s="25">
        <f t="shared" si="22"/>
        <v>0</v>
      </c>
      <c r="AZ27" s="25">
        <f t="shared" si="22"/>
        <v>0</v>
      </c>
      <c r="BA27" s="25">
        <f t="shared" si="22"/>
        <v>0</v>
      </c>
      <c r="BB27" s="25">
        <f t="shared" si="22"/>
        <v>0</v>
      </c>
      <c r="BC27" s="25">
        <f t="shared" si="22"/>
        <v>0</v>
      </c>
      <c r="BD27" s="25">
        <f t="shared" si="22"/>
        <v>0</v>
      </c>
      <c r="BE27" s="25">
        <f t="shared" si="22"/>
        <v>0</v>
      </c>
      <c r="BF27" s="25">
        <f t="shared" si="22"/>
        <v>0</v>
      </c>
      <c r="BG27" s="25">
        <f t="shared" si="22"/>
        <v>0</v>
      </c>
      <c r="BH27" s="26">
        <f t="shared" si="22"/>
        <v>0</v>
      </c>
    </row>
    <row r="28" spans="1:60" ht="30" customHeight="1">
      <c r="A28" s="118"/>
      <c r="B28" s="118"/>
      <c r="C28" s="75" t="s">
        <v>77</v>
      </c>
      <c r="D28" s="72" t="s">
        <v>20</v>
      </c>
      <c r="E28" s="73"/>
      <c r="F28" s="73"/>
      <c r="G28" s="72"/>
      <c r="H28" s="74"/>
      <c r="I28" s="25">
        <f t="shared" ref="I28:BH28" si="23">(I2&gt;=$E28)*AND(I2&lt;=$F28)</f>
        <v>0</v>
      </c>
      <c r="J28" s="25">
        <f t="shared" si="23"/>
        <v>0</v>
      </c>
      <c r="K28" s="25">
        <f t="shared" si="23"/>
        <v>0</v>
      </c>
      <c r="L28" s="25">
        <f t="shared" si="23"/>
        <v>0</v>
      </c>
      <c r="M28" s="25">
        <f t="shared" si="23"/>
        <v>0</v>
      </c>
      <c r="N28" s="25">
        <f t="shared" si="23"/>
        <v>0</v>
      </c>
      <c r="O28" s="25">
        <f t="shared" si="23"/>
        <v>0</v>
      </c>
      <c r="P28" s="25">
        <f t="shared" si="23"/>
        <v>0</v>
      </c>
      <c r="Q28" s="25">
        <f t="shared" si="23"/>
        <v>0</v>
      </c>
      <c r="R28" s="25">
        <f t="shared" si="23"/>
        <v>0</v>
      </c>
      <c r="S28" s="25">
        <f t="shared" si="23"/>
        <v>0</v>
      </c>
      <c r="T28" s="25">
        <f t="shared" si="23"/>
        <v>0</v>
      </c>
      <c r="U28" s="25">
        <f t="shared" si="23"/>
        <v>0</v>
      </c>
      <c r="V28" s="25">
        <f t="shared" si="23"/>
        <v>0</v>
      </c>
      <c r="W28" s="25">
        <f t="shared" si="23"/>
        <v>0</v>
      </c>
      <c r="X28" s="25">
        <f t="shared" si="23"/>
        <v>0</v>
      </c>
      <c r="Y28" s="25">
        <f t="shared" si="23"/>
        <v>0</v>
      </c>
      <c r="Z28" s="25">
        <f t="shared" si="23"/>
        <v>0</v>
      </c>
      <c r="AA28" s="25">
        <f t="shared" si="23"/>
        <v>0</v>
      </c>
      <c r="AB28" s="25">
        <f t="shared" si="23"/>
        <v>0</v>
      </c>
      <c r="AC28" s="25">
        <f t="shared" si="23"/>
        <v>0</v>
      </c>
      <c r="AD28" s="25">
        <f t="shared" si="23"/>
        <v>0</v>
      </c>
      <c r="AE28" s="25">
        <f t="shared" si="23"/>
        <v>0</v>
      </c>
      <c r="AF28" s="25">
        <f t="shared" si="23"/>
        <v>0</v>
      </c>
      <c r="AG28" s="25">
        <f t="shared" si="23"/>
        <v>0</v>
      </c>
      <c r="AH28" s="25">
        <f t="shared" si="23"/>
        <v>0</v>
      </c>
      <c r="AI28" s="25">
        <f t="shared" si="23"/>
        <v>0</v>
      </c>
      <c r="AJ28" s="25">
        <f t="shared" si="23"/>
        <v>0</v>
      </c>
      <c r="AK28" s="25">
        <f t="shared" si="23"/>
        <v>0</v>
      </c>
      <c r="AL28" s="25">
        <f t="shared" si="23"/>
        <v>0</v>
      </c>
      <c r="AM28" s="25">
        <f t="shared" si="23"/>
        <v>0</v>
      </c>
      <c r="AN28" s="25">
        <f t="shared" si="23"/>
        <v>0</v>
      </c>
      <c r="AO28" s="25">
        <f t="shared" si="23"/>
        <v>0</v>
      </c>
      <c r="AP28" s="25">
        <f t="shared" si="23"/>
        <v>0</v>
      </c>
      <c r="AQ28" s="25">
        <f t="shared" si="23"/>
        <v>0</v>
      </c>
      <c r="AR28" s="25">
        <f t="shared" si="23"/>
        <v>0</v>
      </c>
      <c r="AS28" s="25">
        <f t="shared" si="23"/>
        <v>0</v>
      </c>
      <c r="AT28" s="25">
        <f t="shared" si="23"/>
        <v>0</v>
      </c>
      <c r="AU28" s="25">
        <f t="shared" si="23"/>
        <v>0</v>
      </c>
      <c r="AV28" s="25">
        <f t="shared" si="23"/>
        <v>0</v>
      </c>
      <c r="AW28" s="25">
        <f t="shared" si="23"/>
        <v>0</v>
      </c>
      <c r="AX28" s="25">
        <f t="shared" si="23"/>
        <v>0</v>
      </c>
      <c r="AY28" s="25">
        <f t="shared" si="23"/>
        <v>0</v>
      </c>
      <c r="AZ28" s="25">
        <f t="shared" si="23"/>
        <v>0</v>
      </c>
      <c r="BA28" s="25">
        <f t="shared" si="23"/>
        <v>0</v>
      </c>
      <c r="BB28" s="25">
        <f t="shared" si="23"/>
        <v>0</v>
      </c>
      <c r="BC28" s="25">
        <f t="shared" si="23"/>
        <v>0</v>
      </c>
      <c r="BD28" s="25">
        <f t="shared" si="23"/>
        <v>0</v>
      </c>
      <c r="BE28" s="25">
        <f t="shared" si="23"/>
        <v>0</v>
      </c>
      <c r="BF28" s="25">
        <f t="shared" si="23"/>
        <v>0</v>
      </c>
      <c r="BG28" s="25">
        <f t="shared" si="23"/>
        <v>0</v>
      </c>
      <c r="BH28" s="26">
        <f t="shared" si="23"/>
        <v>0</v>
      </c>
    </row>
    <row r="29" spans="1:60" s="3" customFormat="1" ht="30" customHeight="1">
      <c r="A29" s="118"/>
      <c r="B29" s="118"/>
      <c r="C29" s="71" t="s">
        <v>78</v>
      </c>
      <c r="D29" s="72" t="s">
        <v>20</v>
      </c>
      <c r="E29" s="73"/>
      <c r="F29" s="73"/>
      <c r="G29" s="72"/>
      <c r="H29" s="74"/>
      <c r="I29" s="25">
        <f>(I2&gt;=$E29)*AND(I2&lt;=$F29)</f>
        <v>0</v>
      </c>
      <c r="J29" s="25">
        <f t="shared" ref="J29:BH29" si="24">(J2&gt;=$E29)*AND(J2&lt;=$F29)</f>
        <v>0</v>
      </c>
      <c r="K29" s="25">
        <f t="shared" si="24"/>
        <v>0</v>
      </c>
      <c r="L29" s="25">
        <f t="shared" si="24"/>
        <v>0</v>
      </c>
      <c r="M29" s="25">
        <f t="shared" si="24"/>
        <v>0</v>
      </c>
      <c r="N29" s="25">
        <f t="shared" si="24"/>
        <v>0</v>
      </c>
      <c r="O29" s="25">
        <f t="shared" si="24"/>
        <v>0</v>
      </c>
      <c r="P29" s="25">
        <f t="shared" si="24"/>
        <v>0</v>
      </c>
      <c r="Q29" s="25">
        <f t="shared" si="24"/>
        <v>0</v>
      </c>
      <c r="R29" s="25">
        <f t="shared" si="24"/>
        <v>0</v>
      </c>
      <c r="S29" s="25">
        <f t="shared" si="24"/>
        <v>0</v>
      </c>
      <c r="T29" s="25">
        <f t="shared" si="24"/>
        <v>0</v>
      </c>
      <c r="U29" s="25">
        <f t="shared" si="24"/>
        <v>0</v>
      </c>
      <c r="V29" s="25">
        <f t="shared" si="24"/>
        <v>0</v>
      </c>
      <c r="W29" s="25">
        <f t="shared" si="24"/>
        <v>0</v>
      </c>
      <c r="X29" s="25">
        <f t="shared" si="24"/>
        <v>0</v>
      </c>
      <c r="Y29" s="25">
        <f t="shared" si="24"/>
        <v>0</v>
      </c>
      <c r="Z29" s="25">
        <f t="shared" si="24"/>
        <v>0</v>
      </c>
      <c r="AA29" s="25">
        <f t="shared" si="24"/>
        <v>0</v>
      </c>
      <c r="AB29" s="25">
        <f t="shared" si="24"/>
        <v>0</v>
      </c>
      <c r="AC29" s="25">
        <f t="shared" si="24"/>
        <v>0</v>
      </c>
      <c r="AD29" s="25">
        <f t="shared" si="24"/>
        <v>0</v>
      </c>
      <c r="AE29" s="25">
        <f t="shared" si="24"/>
        <v>0</v>
      </c>
      <c r="AF29" s="25">
        <f t="shared" si="24"/>
        <v>0</v>
      </c>
      <c r="AG29" s="25">
        <f t="shared" si="24"/>
        <v>0</v>
      </c>
      <c r="AH29" s="25">
        <f t="shared" si="24"/>
        <v>0</v>
      </c>
      <c r="AI29" s="25">
        <f t="shared" si="24"/>
        <v>0</v>
      </c>
      <c r="AJ29" s="25">
        <f t="shared" si="24"/>
        <v>0</v>
      </c>
      <c r="AK29" s="25">
        <f t="shared" si="24"/>
        <v>0</v>
      </c>
      <c r="AL29" s="25">
        <f t="shared" si="24"/>
        <v>0</v>
      </c>
      <c r="AM29" s="25">
        <f t="shared" si="24"/>
        <v>0</v>
      </c>
      <c r="AN29" s="25">
        <f t="shared" si="24"/>
        <v>0</v>
      </c>
      <c r="AO29" s="25">
        <f t="shared" si="24"/>
        <v>0</v>
      </c>
      <c r="AP29" s="25">
        <f t="shared" si="24"/>
        <v>0</v>
      </c>
      <c r="AQ29" s="25">
        <f t="shared" si="24"/>
        <v>0</v>
      </c>
      <c r="AR29" s="25">
        <f t="shared" si="24"/>
        <v>0</v>
      </c>
      <c r="AS29" s="25">
        <f t="shared" si="24"/>
        <v>0</v>
      </c>
      <c r="AT29" s="25">
        <f t="shared" si="24"/>
        <v>0</v>
      </c>
      <c r="AU29" s="25">
        <f t="shared" si="24"/>
        <v>0</v>
      </c>
      <c r="AV29" s="25">
        <f t="shared" si="24"/>
        <v>0</v>
      </c>
      <c r="AW29" s="25">
        <f t="shared" si="24"/>
        <v>0</v>
      </c>
      <c r="AX29" s="25">
        <f t="shared" si="24"/>
        <v>0</v>
      </c>
      <c r="AY29" s="25">
        <f t="shared" si="24"/>
        <v>0</v>
      </c>
      <c r="AZ29" s="25">
        <f t="shared" si="24"/>
        <v>0</v>
      </c>
      <c r="BA29" s="25">
        <f t="shared" si="24"/>
        <v>0</v>
      </c>
      <c r="BB29" s="25">
        <f t="shared" si="24"/>
        <v>0</v>
      </c>
      <c r="BC29" s="25">
        <f t="shared" si="24"/>
        <v>0</v>
      </c>
      <c r="BD29" s="25">
        <f t="shared" si="24"/>
        <v>0</v>
      </c>
      <c r="BE29" s="25">
        <f t="shared" si="24"/>
        <v>0</v>
      </c>
      <c r="BF29" s="25">
        <f t="shared" si="24"/>
        <v>0</v>
      </c>
      <c r="BG29" s="25">
        <f t="shared" si="24"/>
        <v>0</v>
      </c>
      <c r="BH29" s="25">
        <f t="shared" si="24"/>
        <v>0</v>
      </c>
    </row>
    <row r="30" spans="1:60" s="3" customFormat="1" ht="30" customHeight="1">
      <c r="A30" s="118"/>
      <c r="B30" s="118"/>
      <c r="C30" s="76" t="s">
        <v>79</v>
      </c>
      <c r="D30" s="72" t="s">
        <v>20</v>
      </c>
      <c r="E30" s="73"/>
      <c r="F30" s="73"/>
      <c r="G30" s="72"/>
      <c r="H30" s="74"/>
      <c r="I30" s="25">
        <f t="shared" ref="I30:BH30" si="25">(I2&gt;=$E30)*AND(I2&lt;=$F30)</f>
        <v>0</v>
      </c>
      <c r="J30" s="25">
        <f t="shared" si="25"/>
        <v>0</v>
      </c>
      <c r="K30" s="25">
        <f t="shared" si="25"/>
        <v>0</v>
      </c>
      <c r="L30" s="25">
        <f t="shared" si="25"/>
        <v>0</v>
      </c>
      <c r="M30" s="25">
        <f t="shared" si="25"/>
        <v>0</v>
      </c>
      <c r="N30" s="25">
        <f t="shared" si="25"/>
        <v>0</v>
      </c>
      <c r="O30" s="25">
        <f t="shared" si="25"/>
        <v>0</v>
      </c>
      <c r="P30" s="25">
        <f t="shared" si="25"/>
        <v>0</v>
      </c>
      <c r="Q30" s="25">
        <f t="shared" si="25"/>
        <v>0</v>
      </c>
      <c r="R30" s="25">
        <f t="shared" si="25"/>
        <v>0</v>
      </c>
      <c r="S30" s="25">
        <f t="shared" si="25"/>
        <v>0</v>
      </c>
      <c r="T30" s="25">
        <f t="shared" si="25"/>
        <v>0</v>
      </c>
      <c r="U30" s="25">
        <f t="shared" si="25"/>
        <v>0</v>
      </c>
      <c r="V30" s="25">
        <f t="shared" si="25"/>
        <v>0</v>
      </c>
      <c r="W30" s="25">
        <f t="shared" si="25"/>
        <v>0</v>
      </c>
      <c r="X30" s="25">
        <f t="shared" si="25"/>
        <v>0</v>
      </c>
      <c r="Y30" s="25">
        <f t="shared" si="25"/>
        <v>0</v>
      </c>
      <c r="Z30" s="25">
        <f t="shared" si="25"/>
        <v>0</v>
      </c>
      <c r="AA30" s="25">
        <f t="shared" si="25"/>
        <v>0</v>
      </c>
      <c r="AB30" s="25">
        <f t="shared" si="25"/>
        <v>0</v>
      </c>
      <c r="AC30" s="25">
        <f t="shared" si="25"/>
        <v>0</v>
      </c>
      <c r="AD30" s="25">
        <f t="shared" si="25"/>
        <v>0</v>
      </c>
      <c r="AE30" s="25">
        <f t="shared" si="25"/>
        <v>0</v>
      </c>
      <c r="AF30" s="25">
        <f t="shared" si="25"/>
        <v>0</v>
      </c>
      <c r="AG30" s="25">
        <f t="shared" si="25"/>
        <v>0</v>
      </c>
      <c r="AH30" s="25">
        <f t="shared" si="25"/>
        <v>0</v>
      </c>
      <c r="AI30" s="25">
        <f t="shared" si="25"/>
        <v>0</v>
      </c>
      <c r="AJ30" s="25">
        <f t="shared" si="25"/>
        <v>0</v>
      </c>
      <c r="AK30" s="25">
        <f t="shared" si="25"/>
        <v>0</v>
      </c>
      <c r="AL30" s="25">
        <f t="shared" si="25"/>
        <v>0</v>
      </c>
      <c r="AM30" s="25">
        <f t="shared" si="25"/>
        <v>0</v>
      </c>
      <c r="AN30" s="25">
        <f t="shared" si="25"/>
        <v>0</v>
      </c>
      <c r="AO30" s="25">
        <f t="shared" si="25"/>
        <v>0</v>
      </c>
      <c r="AP30" s="25">
        <f t="shared" si="25"/>
        <v>0</v>
      </c>
      <c r="AQ30" s="25">
        <f t="shared" si="25"/>
        <v>0</v>
      </c>
      <c r="AR30" s="25">
        <f t="shared" si="25"/>
        <v>0</v>
      </c>
      <c r="AS30" s="25">
        <f t="shared" si="25"/>
        <v>0</v>
      </c>
      <c r="AT30" s="25">
        <f t="shared" si="25"/>
        <v>0</v>
      </c>
      <c r="AU30" s="25">
        <f t="shared" si="25"/>
        <v>0</v>
      </c>
      <c r="AV30" s="25">
        <f t="shared" si="25"/>
        <v>0</v>
      </c>
      <c r="AW30" s="25">
        <f t="shared" si="25"/>
        <v>0</v>
      </c>
      <c r="AX30" s="25">
        <f t="shared" si="25"/>
        <v>0</v>
      </c>
      <c r="AY30" s="25">
        <f t="shared" si="25"/>
        <v>0</v>
      </c>
      <c r="AZ30" s="25">
        <f t="shared" si="25"/>
        <v>0</v>
      </c>
      <c r="BA30" s="25">
        <f t="shared" si="25"/>
        <v>0</v>
      </c>
      <c r="BB30" s="25">
        <f t="shared" si="25"/>
        <v>0</v>
      </c>
      <c r="BC30" s="25">
        <f t="shared" si="25"/>
        <v>0</v>
      </c>
      <c r="BD30" s="25">
        <f t="shared" si="25"/>
        <v>0</v>
      </c>
      <c r="BE30" s="25">
        <f t="shared" si="25"/>
        <v>0</v>
      </c>
      <c r="BF30" s="25">
        <f t="shared" si="25"/>
        <v>0</v>
      </c>
      <c r="BG30" s="25">
        <f t="shared" si="25"/>
        <v>0</v>
      </c>
      <c r="BH30" s="26">
        <f t="shared" si="25"/>
        <v>0</v>
      </c>
    </row>
    <row r="31" spans="1:60" s="3" customFormat="1" ht="30" customHeight="1">
      <c r="A31" s="118"/>
      <c r="B31" s="118"/>
      <c r="C31" s="76" t="s">
        <v>80</v>
      </c>
      <c r="D31" s="72" t="s">
        <v>20</v>
      </c>
      <c r="E31" s="73"/>
      <c r="F31" s="73"/>
      <c r="G31" s="72"/>
      <c r="H31" s="72"/>
      <c r="I31" s="25">
        <f t="shared" ref="I31:BH31" si="26">(I2&gt;=$E31)*AND(I2&lt;=$F31)</f>
        <v>0</v>
      </c>
      <c r="J31" s="25">
        <f t="shared" si="26"/>
        <v>0</v>
      </c>
      <c r="K31" s="25">
        <f t="shared" si="26"/>
        <v>0</v>
      </c>
      <c r="L31" s="25">
        <f t="shared" si="26"/>
        <v>0</v>
      </c>
      <c r="M31" s="25">
        <f t="shared" si="26"/>
        <v>0</v>
      </c>
      <c r="N31" s="25">
        <f t="shared" si="26"/>
        <v>0</v>
      </c>
      <c r="O31" s="25">
        <f t="shared" si="26"/>
        <v>0</v>
      </c>
      <c r="P31" s="25">
        <f t="shared" si="26"/>
        <v>0</v>
      </c>
      <c r="Q31" s="25">
        <f t="shared" si="26"/>
        <v>0</v>
      </c>
      <c r="R31" s="25">
        <f t="shared" si="26"/>
        <v>0</v>
      </c>
      <c r="S31" s="25">
        <f t="shared" si="26"/>
        <v>0</v>
      </c>
      <c r="T31" s="25">
        <f t="shared" si="26"/>
        <v>0</v>
      </c>
      <c r="U31" s="25">
        <f t="shared" si="26"/>
        <v>0</v>
      </c>
      <c r="V31" s="25">
        <f t="shared" si="26"/>
        <v>0</v>
      </c>
      <c r="W31" s="25">
        <f t="shared" si="26"/>
        <v>0</v>
      </c>
      <c r="X31" s="25">
        <f t="shared" si="26"/>
        <v>0</v>
      </c>
      <c r="Y31" s="25">
        <f t="shared" si="26"/>
        <v>0</v>
      </c>
      <c r="Z31" s="25">
        <f t="shared" si="26"/>
        <v>0</v>
      </c>
      <c r="AA31" s="25">
        <f t="shared" si="26"/>
        <v>0</v>
      </c>
      <c r="AB31" s="25">
        <f t="shared" si="26"/>
        <v>0</v>
      </c>
      <c r="AC31" s="25">
        <f t="shared" si="26"/>
        <v>0</v>
      </c>
      <c r="AD31" s="25">
        <f t="shared" si="26"/>
        <v>0</v>
      </c>
      <c r="AE31" s="25">
        <f t="shared" si="26"/>
        <v>0</v>
      </c>
      <c r="AF31" s="25">
        <f t="shared" si="26"/>
        <v>0</v>
      </c>
      <c r="AG31" s="25">
        <f t="shared" si="26"/>
        <v>0</v>
      </c>
      <c r="AH31" s="25">
        <f t="shared" si="26"/>
        <v>0</v>
      </c>
      <c r="AI31" s="25">
        <f t="shared" si="26"/>
        <v>0</v>
      </c>
      <c r="AJ31" s="25">
        <f t="shared" si="26"/>
        <v>0</v>
      </c>
      <c r="AK31" s="25">
        <f t="shared" si="26"/>
        <v>0</v>
      </c>
      <c r="AL31" s="25">
        <f t="shared" si="26"/>
        <v>0</v>
      </c>
      <c r="AM31" s="25">
        <f t="shared" si="26"/>
        <v>0</v>
      </c>
      <c r="AN31" s="25">
        <f t="shared" si="26"/>
        <v>0</v>
      </c>
      <c r="AO31" s="25">
        <f t="shared" si="26"/>
        <v>0</v>
      </c>
      <c r="AP31" s="25">
        <f t="shared" si="26"/>
        <v>0</v>
      </c>
      <c r="AQ31" s="25">
        <f t="shared" si="26"/>
        <v>0</v>
      </c>
      <c r="AR31" s="25">
        <f t="shared" si="26"/>
        <v>0</v>
      </c>
      <c r="AS31" s="25">
        <f t="shared" si="26"/>
        <v>0</v>
      </c>
      <c r="AT31" s="25">
        <f t="shared" si="26"/>
        <v>0</v>
      </c>
      <c r="AU31" s="25">
        <f t="shared" si="26"/>
        <v>0</v>
      </c>
      <c r="AV31" s="25">
        <f t="shared" si="26"/>
        <v>0</v>
      </c>
      <c r="AW31" s="25">
        <f t="shared" si="26"/>
        <v>0</v>
      </c>
      <c r="AX31" s="25">
        <f t="shared" si="26"/>
        <v>0</v>
      </c>
      <c r="AY31" s="25">
        <f t="shared" si="26"/>
        <v>0</v>
      </c>
      <c r="AZ31" s="25">
        <f t="shared" si="26"/>
        <v>0</v>
      </c>
      <c r="BA31" s="25">
        <f t="shared" si="26"/>
        <v>0</v>
      </c>
      <c r="BB31" s="25">
        <f t="shared" si="26"/>
        <v>0</v>
      </c>
      <c r="BC31" s="25">
        <f t="shared" si="26"/>
        <v>0</v>
      </c>
      <c r="BD31" s="25">
        <f t="shared" si="26"/>
        <v>0</v>
      </c>
      <c r="BE31" s="25">
        <f t="shared" si="26"/>
        <v>0</v>
      </c>
      <c r="BF31" s="25">
        <f t="shared" si="26"/>
        <v>0</v>
      </c>
      <c r="BG31" s="25">
        <f t="shared" si="26"/>
        <v>0</v>
      </c>
      <c r="BH31" s="26">
        <f t="shared" si="26"/>
        <v>0</v>
      </c>
    </row>
    <row r="32" spans="1:60" s="3" customFormat="1" ht="30" customHeight="1">
      <c r="A32" s="118"/>
      <c r="B32" s="122" t="s">
        <v>81</v>
      </c>
      <c r="C32" s="77" t="s">
        <v>82</v>
      </c>
      <c r="D32" s="78" t="s">
        <v>20</v>
      </c>
      <c r="E32" s="79"/>
      <c r="F32" s="79"/>
      <c r="G32" s="78"/>
      <c r="H32" s="78"/>
      <c r="I32" s="25">
        <f t="shared" ref="I32:BH32" si="27">(I2&gt;=$E32)*AND(I2&lt;=$F32)</f>
        <v>0</v>
      </c>
      <c r="J32" s="25">
        <f t="shared" si="27"/>
        <v>0</v>
      </c>
      <c r="K32" s="25">
        <f t="shared" si="27"/>
        <v>0</v>
      </c>
      <c r="L32" s="25">
        <f t="shared" si="27"/>
        <v>0</v>
      </c>
      <c r="M32" s="25">
        <f t="shared" si="27"/>
        <v>0</v>
      </c>
      <c r="N32" s="25">
        <f t="shared" si="27"/>
        <v>0</v>
      </c>
      <c r="O32" s="25">
        <f t="shared" si="27"/>
        <v>0</v>
      </c>
      <c r="P32" s="25">
        <f t="shared" si="27"/>
        <v>0</v>
      </c>
      <c r="Q32" s="25">
        <f t="shared" si="27"/>
        <v>0</v>
      </c>
      <c r="R32" s="25">
        <f t="shared" si="27"/>
        <v>0</v>
      </c>
      <c r="S32" s="25">
        <f t="shared" si="27"/>
        <v>0</v>
      </c>
      <c r="T32" s="25">
        <f t="shared" si="27"/>
        <v>0</v>
      </c>
      <c r="U32" s="25">
        <f t="shared" si="27"/>
        <v>0</v>
      </c>
      <c r="V32" s="25">
        <f t="shared" si="27"/>
        <v>0</v>
      </c>
      <c r="W32" s="25">
        <f t="shared" si="27"/>
        <v>0</v>
      </c>
      <c r="X32" s="25">
        <f t="shared" si="27"/>
        <v>0</v>
      </c>
      <c r="Y32" s="25">
        <f t="shared" si="27"/>
        <v>0</v>
      </c>
      <c r="Z32" s="25">
        <f t="shared" si="27"/>
        <v>0</v>
      </c>
      <c r="AA32" s="25">
        <f t="shared" si="27"/>
        <v>0</v>
      </c>
      <c r="AB32" s="25">
        <f t="shared" si="27"/>
        <v>0</v>
      </c>
      <c r="AC32" s="25">
        <f t="shared" si="27"/>
        <v>0</v>
      </c>
      <c r="AD32" s="25">
        <f t="shared" si="27"/>
        <v>0</v>
      </c>
      <c r="AE32" s="25">
        <f t="shared" si="27"/>
        <v>0</v>
      </c>
      <c r="AF32" s="25">
        <f t="shared" si="27"/>
        <v>0</v>
      </c>
      <c r="AG32" s="25">
        <f t="shared" si="27"/>
        <v>0</v>
      </c>
      <c r="AH32" s="25">
        <f t="shared" si="27"/>
        <v>0</v>
      </c>
      <c r="AI32" s="25">
        <f t="shared" si="27"/>
        <v>0</v>
      </c>
      <c r="AJ32" s="25">
        <f t="shared" si="27"/>
        <v>0</v>
      </c>
      <c r="AK32" s="25">
        <f t="shared" si="27"/>
        <v>0</v>
      </c>
      <c r="AL32" s="25">
        <f t="shared" si="27"/>
        <v>0</v>
      </c>
      <c r="AM32" s="25">
        <f t="shared" si="27"/>
        <v>0</v>
      </c>
      <c r="AN32" s="25">
        <f t="shared" si="27"/>
        <v>0</v>
      </c>
      <c r="AO32" s="25">
        <f t="shared" si="27"/>
        <v>0</v>
      </c>
      <c r="AP32" s="25">
        <f t="shared" si="27"/>
        <v>0</v>
      </c>
      <c r="AQ32" s="25">
        <f t="shared" si="27"/>
        <v>0</v>
      </c>
      <c r="AR32" s="25">
        <f t="shared" si="27"/>
        <v>0</v>
      </c>
      <c r="AS32" s="25">
        <f t="shared" si="27"/>
        <v>0</v>
      </c>
      <c r="AT32" s="25">
        <f t="shared" si="27"/>
        <v>0</v>
      </c>
      <c r="AU32" s="25">
        <f t="shared" si="27"/>
        <v>0</v>
      </c>
      <c r="AV32" s="25">
        <f t="shared" si="27"/>
        <v>0</v>
      </c>
      <c r="AW32" s="25">
        <f t="shared" si="27"/>
        <v>0</v>
      </c>
      <c r="AX32" s="25">
        <f t="shared" si="27"/>
        <v>0</v>
      </c>
      <c r="AY32" s="25">
        <f t="shared" si="27"/>
        <v>0</v>
      </c>
      <c r="AZ32" s="25">
        <f t="shared" si="27"/>
        <v>0</v>
      </c>
      <c r="BA32" s="25">
        <f t="shared" si="27"/>
        <v>0</v>
      </c>
      <c r="BB32" s="25">
        <f t="shared" si="27"/>
        <v>0</v>
      </c>
      <c r="BC32" s="25">
        <f t="shared" si="27"/>
        <v>0</v>
      </c>
      <c r="BD32" s="25">
        <f t="shared" si="27"/>
        <v>0</v>
      </c>
      <c r="BE32" s="25">
        <f t="shared" si="27"/>
        <v>0</v>
      </c>
      <c r="BF32" s="25">
        <f t="shared" si="27"/>
        <v>0</v>
      </c>
      <c r="BG32" s="25">
        <f t="shared" si="27"/>
        <v>0</v>
      </c>
      <c r="BH32" s="26">
        <f t="shared" si="27"/>
        <v>0</v>
      </c>
    </row>
    <row r="33" spans="1:60 16371:16371" s="3" customFormat="1" ht="30" customHeight="1">
      <c r="A33" s="118"/>
      <c r="B33" s="122"/>
      <c r="C33" s="77" t="s">
        <v>83</v>
      </c>
      <c r="D33" s="78" t="s">
        <v>20</v>
      </c>
      <c r="E33" s="79"/>
      <c r="F33" s="79"/>
      <c r="G33" s="78"/>
      <c r="H33" s="78"/>
      <c r="I33" s="25">
        <f>(I2&gt;=$E33)*AND(I2&lt;=$F33)</f>
        <v>0</v>
      </c>
      <c r="J33" s="25">
        <f>(J2&gt;=$E33)*AND(J2&lt;=$F33)</f>
        <v>0</v>
      </c>
      <c r="K33" s="25">
        <f>(K2&gt;=$E33)*AND(K2&lt;=$F33)</f>
        <v>0</v>
      </c>
      <c r="L33" s="25">
        <f>(L2&gt;=$E33)*AND(L2&lt;=$F33)</f>
        <v>0</v>
      </c>
      <c r="M33" s="25">
        <f>(M2&gt;=$E33)*AND(M2&lt;=$F33)</f>
        <v>0</v>
      </c>
      <c r="N33" s="25">
        <f>(N2&gt;=$E33)*AND(N2&lt;=$F33)</f>
        <v>0</v>
      </c>
      <c r="O33" s="25">
        <f>(O2&gt;=$E33)*AND(O2&lt;=$F33)</f>
        <v>0</v>
      </c>
      <c r="P33" s="25">
        <f>(P2&gt;=$E33)*AND(P2&lt;=$F33)</f>
        <v>0</v>
      </c>
      <c r="Q33" s="25">
        <f>(Q2&gt;=$E33)*AND(Q2&lt;=$F33)</f>
        <v>0</v>
      </c>
      <c r="R33" s="25">
        <f>(R2&gt;=$E33)*AND(R2&lt;=$F33)</f>
        <v>0</v>
      </c>
      <c r="S33" s="25">
        <f>(S2&gt;=$E33)*AND(S2&lt;=$F33)</f>
        <v>0</v>
      </c>
      <c r="T33" s="25">
        <f>(T2&gt;=$E33)*AND(T2&lt;=$F33)</f>
        <v>0</v>
      </c>
      <c r="U33" s="25">
        <f>(U2&gt;=$E33)*AND(U2&lt;=$F33)</f>
        <v>0</v>
      </c>
      <c r="V33" s="25">
        <f>(V2&gt;=$E33)*AND(V2&lt;=$F33)</f>
        <v>0</v>
      </c>
      <c r="W33" s="25">
        <f>(W2&gt;=$E33)*AND(W2&lt;=$F33)</f>
        <v>0</v>
      </c>
      <c r="X33" s="25">
        <f>(X2&gt;=$E33)*AND(X2&lt;=$F33)</f>
        <v>0</v>
      </c>
      <c r="Y33" s="25">
        <f>(Y2&gt;=$E33)*AND(Y2&lt;=$F33)</f>
        <v>0</v>
      </c>
      <c r="Z33" s="25">
        <f>(Z2&gt;=$E33)*AND(Z2&lt;=$F33)</f>
        <v>0</v>
      </c>
      <c r="AA33" s="25">
        <f>(AA2&gt;=$E33)*AND(AA2&lt;=$F33)</f>
        <v>0</v>
      </c>
      <c r="AB33" s="25">
        <f>(AB2&gt;=$E33)*AND(AB2&lt;=$F33)</f>
        <v>0</v>
      </c>
      <c r="AC33" s="25">
        <f>(AC2&gt;=$E33)*AND(AC2&lt;=$F33)</f>
        <v>0</v>
      </c>
      <c r="AD33" s="25">
        <f>(AD2&gt;=$E33)*AND(AD2&lt;=$F33)</f>
        <v>0</v>
      </c>
      <c r="AE33" s="25">
        <f>(AE2&gt;=$E33)*AND(AE2&lt;=$F33)</f>
        <v>0</v>
      </c>
      <c r="AF33" s="25">
        <f>(AF2&gt;=$E33)*AND(AF2&lt;=$F33)</f>
        <v>0</v>
      </c>
      <c r="AG33" s="25">
        <f>(AG2&gt;=$E33)*AND(AG2&lt;=$F33)</f>
        <v>0</v>
      </c>
      <c r="AH33" s="25">
        <f>(AH2&gt;=$E33)*AND(AH2&lt;=$F33)</f>
        <v>0</v>
      </c>
      <c r="AI33" s="25">
        <f>(AI2&gt;=$E33)*AND(AI2&lt;=$F33)</f>
        <v>0</v>
      </c>
      <c r="AJ33" s="25">
        <f>(AJ2&gt;=$E33)*AND(AJ2&lt;=$F33)</f>
        <v>0</v>
      </c>
      <c r="AK33" s="25">
        <f>(AK2&gt;=$E33)*AND(AK2&lt;=$F33)</f>
        <v>0</v>
      </c>
      <c r="AL33" s="25">
        <f>(AL2&gt;=$E33)*AND(AL2&lt;=$F33)</f>
        <v>0</v>
      </c>
      <c r="AM33" s="25">
        <f>(AM2&gt;=$E33)*AND(AM2&lt;=$F33)</f>
        <v>0</v>
      </c>
      <c r="AN33" s="25">
        <f>(AN2&gt;=$E33)*AND(AN2&lt;=$F33)</f>
        <v>0</v>
      </c>
      <c r="AO33" s="25">
        <f>(AO2&gt;=$E33)*AND(AO2&lt;=$F33)</f>
        <v>0</v>
      </c>
      <c r="AP33" s="25">
        <f>(AP2&gt;=$E33)*AND(AP2&lt;=$F33)</f>
        <v>0</v>
      </c>
      <c r="AQ33" s="25">
        <f>(AQ2&gt;=$E33)*AND(AQ2&lt;=$F33)</f>
        <v>0</v>
      </c>
      <c r="AR33" s="25">
        <f>(AR2&gt;=$E33)*AND(AR2&lt;=$F33)</f>
        <v>0</v>
      </c>
      <c r="AS33" s="25">
        <f>(AS2&gt;=$E33)*AND(AS2&lt;=$F33)</f>
        <v>0</v>
      </c>
      <c r="AT33" s="25">
        <f>(AT2&gt;=$E33)*AND(AT2&lt;=$F33)</f>
        <v>0</v>
      </c>
      <c r="AU33" s="25">
        <f>(AU2&gt;=$E33)*AND(AU2&lt;=$F33)</f>
        <v>0</v>
      </c>
      <c r="AV33" s="25">
        <f>(AV2&gt;=$E33)*AND(AV2&lt;=$F33)</f>
        <v>0</v>
      </c>
      <c r="AW33" s="25">
        <f>(AW2&gt;=$E33)*AND(AW2&lt;=$F33)</f>
        <v>0</v>
      </c>
      <c r="AX33" s="25">
        <f>(AX2&gt;=$E33)*AND(AX2&lt;=$F33)</f>
        <v>0</v>
      </c>
      <c r="AY33" s="25">
        <f>(AY2&gt;=$E33)*AND(AY2&lt;=$F33)</f>
        <v>0</v>
      </c>
      <c r="AZ33" s="25">
        <f>(AZ2&gt;=$E33)*AND(AZ2&lt;=$F33)</f>
        <v>0</v>
      </c>
      <c r="BA33" s="25">
        <f>(BA2&gt;=$E33)*AND(BA2&lt;=$F33)</f>
        <v>0</v>
      </c>
      <c r="BB33" s="25">
        <f>(BB2&gt;=$E33)*AND(BB2&lt;=$F33)</f>
        <v>0</v>
      </c>
      <c r="BC33" s="25">
        <f>(BC2&gt;=$E33)*AND(BC2&lt;=$F33)</f>
        <v>0</v>
      </c>
      <c r="BD33" s="25">
        <f>(BD2&gt;=$E33)*AND(BD2&lt;=$F33)</f>
        <v>0</v>
      </c>
      <c r="BE33" s="25">
        <f>(BE2&gt;=$E33)*AND(BE2&lt;=$F33)</f>
        <v>0</v>
      </c>
      <c r="BF33" s="25">
        <f>(BF2&gt;=$E33)*AND(BF2&lt;=$F33)</f>
        <v>0</v>
      </c>
      <c r="BG33" s="25">
        <f>(BG2&gt;=$E33)*AND(BG2&lt;=$F33)</f>
        <v>0</v>
      </c>
      <c r="BH33" s="26">
        <f>(BH2&gt;=$E33)*AND(BH2&lt;=$F33)</f>
        <v>0</v>
      </c>
    </row>
    <row r="34" spans="1:60 16371:16371" ht="30" customHeight="1">
      <c r="A34" s="118"/>
      <c r="B34" s="123" t="s">
        <v>84</v>
      </c>
      <c r="C34" s="80" t="s">
        <v>85</v>
      </c>
      <c r="D34" s="81" t="s">
        <v>20</v>
      </c>
      <c r="E34" s="82"/>
      <c r="F34" s="82"/>
      <c r="G34" s="81"/>
      <c r="H34" s="81"/>
      <c r="I34" s="25">
        <f>(I2&gt;=$E34)*AND(I2&lt;=$F34)</f>
        <v>0</v>
      </c>
      <c r="J34" s="25">
        <f>(J2&gt;=$E34)*AND(J2&lt;=$F34)</f>
        <v>0</v>
      </c>
      <c r="K34" s="25">
        <f>(K2&gt;=$E34)*AND(K2&lt;=$F34)</f>
        <v>0</v>
      </c>
      <c r="L34" s="25">
        <f>(L2&gt;=$E34)*AND(L2&lt;=$F34)</f>
        <v>0</v>
      </c>
      <c r="M34" s="25">
        <f>(M2&gt;=$E34)*AND(M2&lt;=$F34)</f>
        <v>0</v>
      </c>
      <c r="N34" s="25">
        <f>(N2&gt;=$E34)*AND(N2&lt;=$F34)</f>
        <v>0</v>
      </c>
      <c r="O34" s="25">
        <f>(O2&gt;=$E34)*AND(O2&lt;=$F34)</f>
        <v>0</v>
      </c>
      <c r="P34" s="25">
        <f>(P2&gt;=$E34)*AND(P2&lt;=$F34)</f>
        <v>0</v>
      </c>
      <c r="Q34" s="25">
        <f>(Q2&gt;=$E34)*AND(Q2&lt;=$F34)</f>
        <v>0</v>
      </c>
      <c r="R34" s="25">
        <f>(R2&gt;=$E34)*AND(R2&lt;=$F34)</f>
        <v>0</v>
      </c>
      <c r="S34" s="25">
        <f>(S2&gt;=$E34)*AND(S2&lt;=$F34)</f>
        <v>0</v>
      </c>
      <c r="T34" s="25">
        <f>(T2&gt;=$E34)*AND(T2&lt;=$F34)</f>
        <v>0</v>
      </c>
      <c r="U34" s="25">
        <f>(U2&gt;=$E34)*AND(U2&lt;=$F34)</f>
        <v>0</v>
      </c>
      <c r="V34" s="25">
        <f>(V2&gt;=$E34)*AND(V2&lt;=$F34)</f>
        <v>0</v>
      </c>
      <c r="W34" s="25">
        <f>(W2&gt;=$E34)*AND(W2&lt;=$F34)</f>
        <v>0</v>
      </c>
      <c r="X34" s="25">
        <f>(X2&gt;=$E34)*AND(X2&lt;=$F34)</f>
        <v>0</v>
      </c>
      <c r="Y34" s="25">
        <f>(Y2&gt;=$E34)*AND(Y2&lt;=$F34)</f>
        <v>0</v>
      </c>
      <c r="Z34" s="25">
        <f>(Z2&gt;=$E34)*AND(Z2&lt;=$F34)</f>
        <v>0</v>
      </c>
      <c r="AA34" s="25">
        <f>(AA2&gt;=$E34)*AND(AA2&lt;=$F34)</f>
        <v>0</v>
      </c>
      <c r="AB34" s="25">
        <f>(AB2&gt;=$E34)*AND(AB2&lt;=$F34)</f>
        <v>0</v>
      </c>
      <c r="AC34" s="25">
        <f>(AC2&gt;=$E34)*AND(AC2&lt;=$F34)</f>
        <v>0</v>
      </c>
      <c r="AD34" s="25">
        <f>(AD2&gt;=$E34)*AND(AD2&lt;=$F34)</f>
        <v>0</v>
      </c>
      <c r="AE34" s="25">
        <f>(AE2&gt;=$E34)*AND(AE2&lt;=$F34)</f>
        <v>0</v>
      </c>
      <c r="AF34" s="25">
        <f>(AF2&gt;=$E34)*AND(AF2&lt;=$F34)</f>
        <v>0</v>
      </c>
      <c r="AG34" s="25">
        <f>(AG2&gt;=$E34)*AND(AG2&lt;=$F34)</f>
        <v>0</v>
      </c>
      <c r="AH34" s="25">
        <f>(AH2&gt;=$E34)*AND(AH2&lt;=$F34)</f>
        <v>0</v>
      </c>
      <c r="AI34" s="25">
        <f>(AI2&gt;=$E34)*AND(AI2&lt;=$F34)</f>
        <v>0</v>
      </c>
      <c r="AJ34" s="25">
        <f>(AJ2&gt;=$E34)*AND(AJ2&lt;=$F34)</f>
        <v>0</v>
      </c>
      <c r="AK34" s="25">
        <f>(AK2&gt;=$E34)*AND(AK2&lt;=$F34)</f>
        <v>0</v>
      </c>
      <c r="AL34" s="25">
        <f>(AL2&gt;=$E34)*AND(AL2&lt;=$F34)</f>
        <v>0</v>
      </c>
      <c r="AM34" s="25">
        <f>(AM2&gt;=$E34)*AND(AM2&lt;=$F34)</f>
        <v>0</v>
      </c>
      <c r="AN34" s="25">
        <f>(AN2&gt;=$E34)*AND(AN2&lt;=$F34)</f>
        <v>0</v>
      </c>
      <c r="AO34" s="25">
        <f>(AO2&gt;=$E34)*AND(AO2&lt;=$F34)</f>
        <v>0</v>
      </c>
      <c r="AP34" s="25">
        <f>(AP2&gt;=$E34)*AND(AP2&lt;=$F34)</f>
        <v>0</v>
      </c>
      <c r="AQ34" s="25">
        <f>(AQ2&gt;=$E34)*AND(AQ2&lt;=$F34)</f>
        <v>0</v>
      </c>
      <c r="AR34" s="25">
        <f>(AR2&gt;=$E34)*AND(AR2&lt;=$F34)</f>
        <v>0</v>
      </c>
      <c r="AS34" s="25">
        <f>(AS2&gt;=$E34)*AND(AS2&lt;=$F34)</f>
        <v>0</v>
      </c>
      <c r="AT34" s="25">
        <f>(AT2&gt;=$E34)*AND(AT2&lt;=$F34)</f>
        <v>0</v>
      </c>
      <c r="AU34" s="25">
        <f>(AU2&gt;=$E34)*AND(AU2&lt;=$F34)</f>
        <v>0</v>
      </c>
      <c r="AV34" s="25">
        <f>(AV2&gt;=$E34)*AND(AV2&lt;=$F34)</f>
        <v>0</v>
      </c>
      <c r="AW34" s="25">
        <f>(AW2&gt;=$E34)*AND(AW2&lt;=$F34)</f>
        <v>0</v>
      </c>
      <c r="AX34" s="25">
        <f>(AX2&gt;=$E34)*AND(AX2&lt;=$F34)</f>
        <v>0</v>
      </c>
      <c r="AY34" s="25">
        <f>(AY2&gt;=$E34)*AND(AY2&lt;=$F34)</f>
        <v>0</v>
      </c>
      <c r="AZ34" s="25">
        <f>(AZ2&gt;=$E34)*AND(AZ2&lt;=$F34)</f>
        <v>0</v>
      </c>
      <c r="BA34" s="25">
        <f>(BA2&gt;=$E34)*AND(BA2&lt;=$F34)</f>
        <v>0</v>
      </c>
      <c r="BB34" s="25">
        <f>(BB2&gt;=$E34)*AND(BB2&lt;=$F34)</f>
        <v>0</v>
      </c>
      <c r="BC34" s="25">
        <f>(BC2&gt;=$E34)*AND(BC2&lt;=$F34)</f>
        <v>0</v>
      </c>
      <c r="BD34" s="25">
        <f>(BD2&gt;=$E34)*AND(BD2&lt;=$F34)</f>
        <v>0</v>
      </c>
      <c r="BE34" s="25">
        <f>(BE2&gt;=$E34)*AND(BE2&lt;=$F34)</f>
        <v>0</v>
      </c>
      <c r="BF34" s="25">
        <f>(BF2&gt;=$E34)*AND(BF2&lt;=$F34)</f>
        <v>0</v>
      </c>
      <c r="BG34" s="25">
        <f>(BG2&gt;=$E34)*AND(BG2&lt;=$F34)</f>
        <v>0</v>
      </c>
      <c r="BH34" s="26">
        <f>(BH2&gt;=$E34)*AND(BH2&lt;=$F34)</f>
        <v>0</v>
      </c>
    </row>
    <row r="35" spans="1:60 16371:16371" ht="30" customHeight="1">
      <c r="A35" s="118"/>
      <c r="B35" s="123"/>
      <c r="C35" s="80" t="s">
        <v>86</v>
      </c>
      <c r="D35" s="81" t="s">
        <v>20</v>
      </c>
      <c r="E35" s="82"/>
      <c r="F35" s="82"/>
      <c r="G35" s="81"/>
      <c r="H35" s="81"/>
      <c r="I35" s="25">
        <f>(I2&gt;=$E35)*AND(I2&lt;=$F35)</f>
        <v>0</v>
      </c>
      <c r="J35" s="25">
        <f>(J2&gt;=$E35)*AND(J2&lt;=$F35)</f>
        <v>0</v>
      </c>
      <c r="K35" s="25">
        <f>(K2&gt;=$E35)*AND(K2&lt;=$F35)</f>
        <v>0</v>
      </c>
      <c r="L35" s="25">
        <f>(L2&gt;=$E35)*AND(L2&lt;=$F35)</f>
        <v>0</v>
      </c>
      <c r="M35" s="25">
        <f>(M2&gt;=$E35)*AND(M2&lt;=$F35)</f>
        <v>0</v>
      </c>
      <c r="N35" s="25">
        <f>(N2&gt;=$E35)*AND(N2&lt;=$F35)</f>
        <v>0</v>
      </c>
      <c r="O35" s="25">
        <f>(O2&gt;=$E35)*AND(O2&lt;=$F35)</f>
        <v>0</v>
      </c>
      <c r="P35" s="25">
        <f>(P2&gt;=$E35)*AND(P2&lt;=$F35)</f>
        <v>0</v>
      </c>
      <c r="Q35" s="25">
        <f>(Q2&gt;=$E35)*AND(Q2&lt;=$F35)</f>
        <v>0</v>
      </c>
      <c r="R35" s="25">
        <f>(R2&gt;=$E35)*AND(R2&lt;=$F35)</f>
        <v>0</v>
      </c>
      <c r="S35" s="25">
        <f>(S2&gt;=$E35)*AND(S2&lt;=$F35)</f>
        <v>0</v>
      </c>
      <c r="T35" s="25">
        <f>(T2&gt;=$E35)*AND(T2&lt;=$F35)</f>
        <v>0</v>
      </c>
      <c r="U35" s="25">
        <f>(U2&gt;=$E35)*AND(U2&lt;=$F35)</f>
        <v>0</v>
      </c>
      <c r="V35" s="25">
        <f>(V2&gt;=$E35)*AND(V2&lt;=$F35)</f>
        <v>0</v>
      </c>
      <c r="W35" s="25">
        <f>(W2&gt;=$E35)*AND(W2&lt;=$F35)</f>
        <v>0</v>
      </c>
      <c r="X35" s="25">
        <f>(X2&gt;=$E35)*AND(X2&lt;=$F35)</f>
        <v>0</v>
      </c>
      <c r="Y35" s="25">
        <f>(Y2&gt;=$E35)*AND(Y2&lt;=$F35)</f>
        <v>0</v>
      </c>
      <c r="Z35" s="25">
        <f>(Z2&gt;=$E35)*AND(Z2&lt;=$F35)</f>
        <v>0</v>
      </c>
      <c r="AA35" s="25">
        <f>(AA2&gt;=$E35)*AND(AA2&lt;=$F35)</f>
        <v>0</v>
      </c>
      <c r="AB35" s="25">
        <f>(AB2&gt;=$E35)*AND(AB2&lt;=$F35)</f>
        <v>0</v>
      </c>
      <c r="AC35" s="25">
        <f>(AC2&gt;=$E35)*AND(AC2&lt;=$F35)</f>
        <v>0</v>
      </c>
      <c r="AD35" s="25">
        <f>(AD2&gt;=$E35)*AND(AD2&lt;=$F35)</f>
        <v>0</v>
      </c>
      <c r="AE35" s="25">
        <f>(AE2&gt;=$E35)*AND(AE2&lt;=$F35)</f>
        <v>0</v>
      </c>
      <c r="AF35" s="25">
        <f>(AF2&gt;=$E35)*AND(AF2&lt;=$F35)</f>
        <v>0</v>
      </c>
      <c r="AG35" s="25">
        <f>(AG2&gt;=$E35)*AND(AG2&lt;=$F35)</f>
        <v>0</v>
      </c>
      <c r="AH35" s="25">
        <f>(AH2&gt;=$E35)*AND(AH2&lt;=$F35)</f>
        <v>0</v>
      </c>
      <c r="AI35" s="25">
        <f>(AI2&gt;=$E35)*AND(AI2&lt;=$F35)</f>
        <v>0</v>
      </c>
      <c r="AJ35" s="25">
        <f>(AJ2&gt;=$E35)*AND(AJ2&lt;=$F35)</f>
        <v>0</v>
      </c>
      <c r="AK35" s="25">
        <f>(AK2&gt;=$E35)*AND(AK2&lt;=$F35)</f>
        <v>0</v>
      </c>
      <c r="AL35" s="25">
        <f>(AL2&gt;=$E35)*AND(AL2&lt;=$F35)</f>
        <v>0</v>
      </c>
      <c r="AM35" s="25">
        <f>(AM2&gt;=$E35)*AND(AM2&lt;=$F35)</f>
        <v>0</v>
      </c>
      <c r="AN35" s="25">
        <f>(AN2&gt;=$E35)*AND(AN2&lt;=$F35)</f>
        <v>0</v>
      </c>
      <c r="AO35" s="25">
        <f>(AO2&gt;=$E35)*AND(AO2&lt;=$F35)</f>
        <v>0</v>
      </c>
      <c r="AP35" s="25">
        <f>(AP2&gt;=$E35)*AND(AP2&lt;=$F35)</f>
        <v>0</v>
      </c>
      <c r="AQ35" s="25">
        <f>(AQ2&gt;=$E35)*AND(AQ2&lt;=$F35)</f>
        <v>0</v>
      </c>
      <c r="AR35" s="25">
        <f>(AR2&gt;=$E35)*AND(AR2&lt;=$F35)</f>
        <v>0</v>
      </c>
      <c r="AS35" s="25">
        <f>(AS2&gt;=$E35)*AND(AS2&lt;=$F35)</f>
        <v>0</v>
      </c>
      <c r="AT35" s="25">
        <f>(AT2&gt;=$E35)*AND(AT2&lt;=$F35)</f>
        <v>0</v>
      </c>
      <c r="AU35" s="25">
        <f>(AU2&gt;=$E35)*AND(AU2&lt;=$F35)</f>
        <v>0</v>
      </c>
      <c r="AV35" s="25">
        <f>(AV2&gt;=$E35)*AND(AV2&lt;=$F35)</f>
        <v>0</v>
      </c>
      <c r="AW35" s="25">
        <f>(AW2&gt;=$E35)*AND(AW2&lt;=$F35)</f>
        <v>0</v>
      </c>
      <c r="AX35" s="25">
        <f>(AX2&gt;=$E35)*AND(AX2&lt;=$F35)</f>
        <v>0</v>
      </c>
      <c r="AY35" s="25">
        <f>(AY2&gt;=$E35)*AND(AY2&lt;=$F35)</f>
        <v>0</v>
      </c>
      <c r="AZ35" s="25">
        <f>(AZ2&gt;=$E35)*AND(AZ2&lt;=$F35)</f>
        <v>0</v>
      </c>
      <c r="BA35" s="25">
        <f>(BA2&gt;=$E35)*AND(BA2&lt;=$F35)</f>
        <v>0</v>
      </c>
      <c r="BB35" s="25">
        <f>(BB2&gt;=$E35)*AND(BB2&lt;=$F35)</f>
        <v>0</v>
      </c>
      <c r="BC35" s="25">
        <f>(BC2&gt;=$E35)*AND(BC2&lt;=$F35)</f>
        <v>0</v>
      </c>
      <c r="BD35" s="25">
        <f>(BD2&gt;=$E35)*AND(BD2&lt;=$F35)</f>
        <v>0</v>
      </c>
      <c r="BE35" s="25">
        <f>(BE2&gt;=$E35)*AND(BE2&lt;=$F35)</f>
        <v>0</v>
      </c>
      <c r="BF35" s="25">
        <f>(BF2&gt;=$E35)*AND(BF2&lt;=$F35)</f>
        <v>0</v>
      </c>
      <c r="BG35" s="25">
        <f>(BG2&gt;=$E35)*AND(BG2&lt;=$F35)</f>
        <v>0</v>
      </c>
      <c r="BH35" s="26">
        <f>(BH2&gt;=$E35)*AND(BH2&lt;=$F35)</f>
        <v>0</v>
      </c>
    </row>
    <row r="36" spans="1:60 16371:16371" ht="30" customHeight="1">
      <c r="A36" s="118"/>
      <c r="B36" s="123"/>
      <c r="C36" s="80" t="s">
        <v>87</v>
      </c>
      <c r="D36" s="81" t="s">
        <v>20</v>
      </c>
      <c r="E36" s="82"/>
      <c r="F36" s="82"/>
      <c r="G36" s="81"/>
      <c r="H36" s="81"/>
      <c r="I36" s="25">
        <f>(I2&gt;=$E36)*AND(I2&lt;=$F36)</f>
        <v>0</v>
      </c>
      <c r="J36" s="25">
        <f>(J2&gt;=$E36)*AND(J2&lt;=$F36)</f>
        <v>0</v>
      </c>
      <c r="K36" s="25">
        <f>(K2&gt;=$E36)*AND(K2&lt;=$F36)</f>
        <v>0</v>
      </c>
      <c r="L36" s="25">
        <f>(L2&gt;=$E36)*AND(L2&lt;=$F36)</f>
        <v>0</v>
      </c>
      <c r="M36" s="25">
        <f>(M2&gt;=$E36)*AND(M2&lt;=$F36)</f>
        <v>0</v>
      </c>
      <c r="N36" s="25">
        <f>(N2&gt;=$E36)*AND(N2&lt;=$F36)</f>
        <v>0</v>
      </c>
      <c r="O36" s="25">
        <f>(O2&gt;=$E36)*AND(O2&lt;=$F36)</f>
        <v>0</v>
      </c>
      <c r="P36" s="25">
        <f>(P2&gt;=$E36)*AND(P2&lt;=$F36)</f>
        <v>0</v>
      </c>
      <c r="Q36" s="25">
        <f>(Q2&gt;=$E36)*AND(Q2&lt;=$F36)</f>
        <v>0</v>
      </c>
      <c r="R36" s="25">
        <f>(R2&gt;=$E36)*AND(R2&lt;=$F36)</f>
        <v>0</v>
      </c>
      <c r="S36" s="25">
        <f>(S2&gt;=$E36)*AND(S2&lt;=$F36)</f>
        <v>0</v>
      </c>
      <c r="T36" s="25">
        <f>(T2&gt;=$E36)*AND(T2&lt;=$F36)</f>
        <v>0</v>
      </c>
      <c r="U36" s="25">
        <f>(U2&gt;=$E36)*AND(U2&lt;=$F36)</f>
        <v>0</v>
      </c>
      <c r="V36" s="25">
        <f>(V2&gt;=$E36)*AND(V2&lt;=$F36)</f>
        <v>0</v>
      </c>
      <c r="W36" s="25">
        <f>(W2&gt;=$E36)*AND(W2&lt;=$F36)</f>
        <v>0</v>
      </c>
      <c r="X36" s="25">
        <f>(X2&gt;=$E36)*AND(X2&lt;=$F36)</f>
        <v>0</v>
      </c>
      <c r="Y36" s="25">
        <f>(Y2&gt;=$E36)*AND(Y2&lt;=$F36)</f>
        <v>0</v>
      </c>
      <c r="Z36" s="25">
        <f>(Z2&gt;=$E36)*AND(Z2&lt;=$F36)</f>
        <v>0</v>
      </c>
      <c r="AA36" s="25">
        <f>(AA2&gt;=$E36)*AND(AA2&lt;=$F36)</f>
        <v>0</v>
      </c>
      <c r="AB36" s="25">
        <f>(AB2&gt;=$E36)*AND(AB2&lt;=$F36)</f>
        <v>0</v>
      </c>
      <c r="AC36" s="25">
        <f>(AC2&gt;=$E36)*AND(AC2&lt;=$F36)</f>
        <v>0</v>
      </c>
      <c r="AD36" s="25">
        <f>(AD2&gt;=$E36)*AND(AD2&lt;=$F36)</f>
        <v>0</v>
      </c>
      <c r="AE36" s="25">
        <f>(AE2&gt;=$E36)*AND(AE2&lt;=$F36)</f>
        <v>0</v>
      </c>
      <c r="AF36" s="25">
        <f>(AF2&gt;=$E36)*AND(AF2&lt;=$F36)</f>
        <v>0</v>
      </c>
      <c r="AG36" s="25">
        <f>(AG2&gt;=$E36)*AND(AG2&lt;=$F36)</f>
        <v>0</v>
      </c>
      <c r="AH36" s="25">
        <f>(AH2&gt;=$E36)*AND(AH2&lt;=$F36)</f>
        <v>0</v>
      </c>
      <c r="AI36" s="25">
        <f>(AI2&gt;=$E36)*AND(AI2&lt;=$F36)</f>
        <v>0</v>
      </c>
      <c r="AJ36" s="25">
        <f>(AJ2&gt;=$E36)*AND(AJ2&lt;=$F36)</f>
        <v>0</v>
      </c>
      <c r="AK36" s="25">
        <f>(AK2&gt;=$E36)*AND(AK2&lt;=$F36)</f>
        <v>0</v>
      </c>
      <c r="AL36" s="25">
        <f>(AL2&gt;=$E36)*AND(AL2&lt;=$F36)</f>
        <v>0</v>
      </c>
      <c r="AM36" s="25">
        <f>(AM2&gt;=$E36)*AND(AM2&lt;=$F36)</f>
        <v>0</v>
      </c>
      <c r="AN36" s="25">
        <f>(AN2&gt;=$E36)*AND(AN2&lt;=$F36)</f>
        <v>0</v>
      </c>
      <c r="AO36" s="25">
        <f>(AO2&gt;=$E36)*AND(AO2&lt;=$F36)</f>
        <v>0</v>
      </c>
      <c r="AP36" s="25">
        <f>(AP2&gt;=$E36)*AND(AP2&lt;=$F36)</f>
        <v>0</v>
      </c>
      <c r="AQ36" s="25">
        <f>(AQ2&gt;=$E36)*AND(AQ2&lt;=$F36)</f>
        <v>0</v>
      </c>
      <c r="AR36" s="25">
        <f>(AR2&gt;=$E36)*AND(AR2&lt;=$F36)</f>
        <v>0</v>
      </c>
      <c r="AS36" s="25">
        <f>(AS2&gt;=$E36)*AND(AS2&lt;=$F36)</f>
        <v>0</v>
      </c>
      <c r="AT36" s="25">
        <f>(AT2&gt;=$E36)*AND(AT2&lt;=$F36)</f>
        <v>0</v>
      </c>
      <c r="AU36" s="25">
        <f>(AU2&gt;=$E36)*AND(AU2&lt;=$F36)</f>
        <v>0</v>
      </c>
      <c r="AV36" s="25">
        <f>(AV2&gt;=$E36)*AND(AV2&lt;=$F36)</f>
        <v>0</v>
      </c>
      <c r="AW36" s="25">
        <f>(AW2&gt;=$E36)*AND(AW2&lt;=$F36)</f>
        <v>0</v>
      </c>
      <c r="AX36" s="25">
        <f>(AX2&gt;=$E36)*AND(AX2&lt;=$F36)</f>
        <v>0</v>
      </c>
      <c r="AY36" s="25">
        <f>(AY2&gt;=$E36)*AND(AY2&lt;=$F36)</f>
        <v>0</v>
      </c>
      <c r="AZ36" s="25">
        <f>(AZ2&gt;=$E36)*AND(AZ2&lt;=$F36)</f>
        <v>0</v>
      </c>
      <c r="BA36" s="25">
        <f>(BA2&gt;=$E36)*AND(BA2&lt;=$F36)</f>
        <v>0</v>
      </c>
      <c r="BB36" s="25">
        <f>(BB2&gt;=$E36)*AND(BB2&lt;=$F36)</f>
        <v>0</v>
      </c>
      <c r="BC36" s="25">
        <f>(BC2&gt;=$E36)*AND(BC2&lt;=$F36)</f>
        <v>0</v>
      </c>
      <c r="BD36" s="25">
        <f>(BD2&gt;=$E36)*AND(BD2&lt;=$F36)</f>
        <v>0</v>
      </c>
      <c r="BE36" s="25">
        <f>(BE2&gt;=$E36)*AND(BE2&lt;=$F36)</f>
        <v>0</v>
      </c>
      <c r="BF36" s="25">
        <f>(BF2&gt;=$E36)*AND(BF2&lt;=$F36)</f>
        <v>0</v>
      </c>
      <c r="BG36" s="25">
        <f>(BG2&gt;=$E36)*AND(BG2&lt;=$F36)</f>
        <v>0</v>
      </c>
      <c r="BH36" s="26">
        <f>(BH2&gt;=$E36)*AND(BH2&lt;=$F36)</f>
        <v>0</v>
      </c>
    </row>
    <row r="37" spans="1:60 16371:16371" ht="30" customHeight="1">
      <c r="A37" s="118"/>
      <c r="B37" s="123"/>
      <c r="C37" s="80" t="s">
        <v>88</v>
      </c>
      <c r="D37" s="81" t="s">
        <v>20</v>
      </c>
      <c r="E37" s="81"/>
      <c r="F37" s="81"/>
      <c r="G37" s="81"/>
      <c r="H37" s="81"/>
      <c r="I37" s="27"/>
      <c r="J37" s="27"/>
      <c r="K37" s="27"/>
      <c r="L37" s="27"/>
      <c r="M37" s="27"/>
      <c r="N37" s="103"/>
      <c r="O37" s="27"/>
      <c r="P37" s="27"/>
      <c r="Q37" s="27"/>
      <c r="R37" s="27"/>
      <c r="S37" s="27"/>
      <c r="T37" s="27"/>
      <c r="U37" s="27"/>
      <c r="V37" s="103"/>
      <c r="W37" s="27"/>
      <c r="X37" s="27"/>
      <c r="Y37" s="27"/>
      <c r="Z37" s="27"/>
      <c r="AA37" s="27"/>
      <c r="AB37" s="27"/>
      <c r="AC37" s="27"/>
      <c r="AD37" s="103"/>
      <c r="AE37" s="27"/>
      <c r="AF37" s="27"/>
      <c r="AG37" s="27"/>
      <c r="AH37" s="27"/>
      <c r="AI37" s="27"/>
      <c r="AJ37" s="27"/>
      <c r="AK37" s="27"/>
      <c r="AL37" s="103"/>
      <c r="AM37" s="27"/>
      <c r="AN37" s="27"/>
      <c r="AO37" s="27"/>
      <c r="AP37" s="27"/>
      <c r="AQ37" s="27"/>
      <c r="AR37" s="27"/>
      <c r="AS37" s="27"/>
      <c r="AT37" s="27"/>
      <c r="AU37" s="103"/>
      <c r="AV37" s="27"/>
      <c r="AW37" s="27"/>
      <c r="AX37" s="27"/>
      <c r="AY37" s="27"/>
      <c r="AZ37" s="27"/>
      <c r="BA37" s="27"/>
      <c r="BB37" s="27"/>
      <c r="BC37" s="103"/>
      <c r="BD37" s="25">
        <f>(BD2&gt;=$E37)*AND(BD2&lt;=$F37)</f>
        <v>0</v>
      </c>
      <c r="BE37" s="25">
        <f>(BE2&gt;=$E37)*AND(BE2&lt;=$F37)</f>
        <v>0</v>
      </c>
      <c r="BF37" s="25">
        <f>(BF2&gt;=$E37)*AND(BF2&lt;=$F37)</f>
        <v>0</v>
      </c>
      <c r="BG37" s="25">
        <f>(BG2&gt;=$E37)*AND(BG2&lt;=$F37)</f>
        <v>0</v>
      </c>
      <c r="BH37" s="26">
        <f>(BH2&gt;=$E37)*AND(BH2&lt;=$F37)</f>
        <v>0</v>
      </c>
    </row>
    <row r="38" spans="1:60 16371:16371" ht="30" customHeight="1">
      <c r="A38" s="118"/>
      <c r="B38" s="123"/>
      <c r="C38" s="80" t="s">
        <v>89</v>
      </c>
      <c r="D38" s="81" t="s">
        <v>20</v>
      </c>
      <c r="E38" s="81"/>
      <c r="F38" s="81"/>
      <c r="G38" s="81"/>
      <c r="H38" s="81"/>
      <c r="I38" s="103"/>
      <c r="J38" s="27"/>
      <c r="K38" s="27"/>
      <c r="L38" s="27"/>
      <c r="M38" s="27"/>
      <c r="N38" s="27"/>
      <c r="O38" s="27"/>
      <c r="P38" s="27"/>
      <c r="Q38" s="103"/>
      <c r="R38" s="27"/>
      <c r="S38" s="27"/>
      <c r="T38" s="27"/>
      <c r="U38" s="27"/>
      <c r="V38" s="27"/>
      <c r="W38" s="27"/>
      <c r="X38" s="27"/>
      <c r="Y38" s="103"/>
      <c r="Z38" s="27"/>
      <c r="AA38" s="27"/>
      <c r="AB38" s="27"/>
      <c r="AC38" s="27"/>
      <c r="AD38" s="27"/>
      <c r="AE38" s="27"/>
      <c r="AF38" s="27"/>
      <c r="AG38" s="103"/>
      <c r="AH38" s="27"/>
      <c r="AI38" s="27"/>
      <c r="AJ38" s="27"/>
      <c r="AK38" s="27"/>
      <c r="AL38" s="27"/>
      <c r="AM38" s="27"/>
      <c r="AN38" s="27"/>
      <c r="AO38" s="103"/>
      <c r="AP38" s="27"/>
      <c r="AQ38" s="27"/>
      <c r="AR38" s="27"/>
      <c r="AS38" s="27"/>
      <c r="AT38" s="27"/>
      <c r="AU38" s="27"/>
      <c r="AV38" s="27"/>
      <c r="AW38" s="103"/>
      <c r="AX38" s="27"/>
      <c r="AY38" s="27"/>
      <c r="AZ38" s="27"/>
      <c r="BA38" s="27"/>
      <c r="BB38" s="27"/>
      <c r="BC38" s="27"/>
      <c r="BD38" s="25">
        <f>(BD2&gt;=$E38)*AND(BD2&lt;=$F38)</f>
        <v>0</v>
      </c>
      <c r="BE38" s="25">
        <f>(BE2&gt;=$E38)*AND(BE2&lt;=$F38)</f>
        <v>0</v>
      </c>
      <c r="BF38" s="25">
        <f>(BF2&gt;=$E38)*AND(BF2&lt;=$F38)</f>
        <v>0</v>
      </c>
      <c r="BG38" s="25">
        <f>(BG2&gt;=$E38)*AND(BG2&lt;=$F38)</f>
        <v>0</v>
      </c>
      <c r="BH38" s="26">
        <f>(BH2&gt;=$E38)*AND(BH2&lt;=$F38)</f>
        <v>0</v>
      </c>
    </row>
    <row r="39" spans="1:60 16371:16371" ht="30" customHeight="1">
      <c r="A39" s="118"/>
      <c r="B39" s="123"/>
      <c r="C39" s="80" t="s">
        <v>52</v>
      </c>
      <c r="D39" s="81" t="s">
        <v>20</v>
      </c>
      <c r="E39" s="83"/>
      <c r="F39" s="83"/>
      <c r="G39" s="81"/>
      <c r="H39" s="81"/>
      <c r="I39" s="25">
        <f>(I2&gt;=$E39)*AND(I2&lt;=$F39)</f>
        <v>0</v>
      </c>
      <c r="J39" s="25">
        <f>(J2&gt;=$E39)*AND(J2&lt;=$F39)</f>
        <v>0</v>
      </c>
      <c r="K39" s="25">
        <f>(K2&gt;=$E39)*AND(K2&lt;=$F39)</f>
        <v>0</v>
      </c>
      <c r="L39" s="25">
        <f>(L2&gt;=$E39)*AND(L2&lt;=$F39)</f>
        <v>0</v>
      </c>
      <c r="M39" s="25">
        <f>(M2&gt;=$E39)*AND(M2&lt;=$F39)</f>
        <v>0</v>
      </c>
      <c r="N39" s="25">
        <f>(N2&gt;=$E39)*AND(N2&lt;=$F39)</f>
        <v>0</v>
      </c>
      <c r="O39" s="25">
        <f>(O2&gt;=$E39)*AND(O2&lt;=$F39)</f>
        <v>0</v>
      </c>
      <c r="P39" s="25">
        <f>(P2&gt;=$E39)*AND(P2&lt;=$F39)</f>
        <v>0</v>
      </c>
      <c r="Q39" s="25">
        <f>(Q2&gt;=$E39)*AND(Q2&lt;=$F39)</f>
        <v>0</v>
      </c>
      <c r="R39" s="25">
        <f>(R2&gt;=$E39)*AND(R2&lt;=$F39)</f>
        <v>0</v>
      </c>
      <c r="S39" s="25">
        <f>(S2&gt;=$E39)*AND(S2&lt;=$F39)</f>
        <v>0</v>
      </c>
      <c r="T39" s="25">
        <f>(T2&gt;=$E39)*AND(T2&lt;=$F39)</f>
        <v>0</v>
      </c>
      <c r="U39" s="25">
        <f>(U2&gt;=$E39)*AND(U2&lt;=$F39)</f>
        <v>0</v>
      </c>
      <c r="V39" s="25">
        <f>(V2&gt;=$E39)*AND(V2&lt;=$F39)</f>
        <v>0</v>
      </c>
      <c r="W39" s="25">
        <f>(W2&gt;=$E39)*AND(W2&lt;=$F39)</f>
        <v>0</v>
      </c>
      <c r="X39" s="25">
        <f>(X2&gt;=$E39)*AND(X2&lt;=$F39)</f>
        <v>0</v>
      </c>
      <c r="Y39" s="25">
        <f>(Y2&gt;=$E39)*AND(Y2&lt;=$F39)</f>
        <v>0</v>
      </c>
      <c r="Z39" s="25">
        <f>(Z2&gt;=$E39)*AND(Z2&lt;=$F39)</f>
        <v>0</v>
      </c>
      <c r="AA39" s="25">
        <f>(AA2&gt;=$E39)*AND(AA2&lt;=$F39)</f>
        <v>0</v>
      </c>
      <c r="AB39" s="25">
        <f>(AB2&gt;=$E39)*AND(AB2&lt;=$F39)</f>
        <v>0</v>
      </c>
      <c r="AC39" s="25">
        <f>(AC2&gt;=$E39)*AND(AC2&lt;=$F39)</f>
        <v>0</v>
      </c>
      <c r="AD39" s="25">
        <f>(AD2&gt;=$E39)*AND(AD2&lt;=$F39)</f>
        <v>0</v>
      </c>
      <c r="AE39" s="25">
        <f>(AE2&gt;=$E39)*AND(AE2&lt;=$F39)</f>
        <v>0</v>
      </c>
      <c r="AF39" s="25">
        <f>(AF2&gt;=$E39)*AND(AF2&lt;=$F39)</f>
        <v>0</v>
      </c>
      <c r="AG39" s="25">
        <f>(AG2&gt;=$E39)*AND(AG2&lt;=$F39)</f>
        <v>0</v>
      </c>
      <c r="AH39" s="25">
        <f>(AH2&gt;=$E39)*AND(AH2&lt;=$F39)</f>
        <v>0</v>
      </c>
      <c r="AI39" s="25">
        <f>(AI2&gt;=$E39)*AND(AI2&lt;=$F39)</f>
        <v>0</v>
      </c>
      <c r="AJ39" s="25">
        <f>(AJ2&gt;=$E39)*AND(AJ2&lt;=$F39)</f>
        <v>0</v>
      </c>
      <c r="AK39" s="25">
        <f>(AK2&gt;=$E39)*AND(AK2&lt;=$F39)</f>
        <v>0</v>
      </c>
      <c r="AL39" s="25">
        <f>(AL2&gt;=$E39)*AND(AL2&lt;=$F39)</f>
        <v>0</v>
      </c>
      <c r="AM39" s="25">
        <f>(AM2&gt;=$E39)*AND(AM2&lt;=$F39)</f>
        <v>0</v>
      </c>
      <c r="AN39" s="25">
        <f>(AN2&gt;=$E39)*AND(AN2&lt;=$F39)</f>
        <v>0</v>
      </c>
      <c r="AO39" s="25">
        <f>(AO2&gt;=$E39)*AND(AO2&lt;=$F39)</f>
        <v>0</v>
      </c>
      <c r="AP39" s="25">
        <f>(AP2&gt;=$E39)*AND(AP2&lt;=$F39)</f>
        <v>0</v>
      </c>
      <c r="AQ39" s="25">
        <f>(AQ2&gt;=$E39)*AND(AQ2&lt;=$F39)</f>
        <v>0</v>
      </c>
      <c r="AR39" s="25">
        <f>(AR2&gt;=$E39)*AND(AR2&lt;=$F39)</f>
        <v>0</v>
      </c>
      <c r="AS39" s="25">
        <f>(AS2&gt;=$E39)*AND(AS2&lt;=$F39)</f>
        <v>0</v>
      </c>
      <c r="AT39" s="25">
        <f>(AT2&gt;=$E39)*AND(AT2&lt;=$F39)</f>
        <v>0</v>
      </c>
      <c r="AU39" s="25">
        <f>(AU2&gt;=$E39)*AND(AU2&lt;=$F39)</f>
        <v>0</v>
      </c>
      <c r="AV39" s="25">
        <f>(AV2&gt;=$E39)*AND(AV2&lt;=$F39)</f>
        <v>0</v>
      </c>
      <c r="AW39" s="25">
        <f>(AW2&gt;=$E39)*AND(AW2&lt;=$F39)</f>
        <v>0</v>
      </c>
      <c r="AX39" s="25">
        <f>(AX2&gt;=$E39)*AND(AX2&lt;=$F39)</f>
        <v>0</v>
      </c>
      <c r="AY39" s="25">
        <f>(AY2&gt;=$E39)*AND(AY2&lt;=$F39)</f>
        <v>0</v>
      </c>
      <c r="AZ39" s="25">
        <f>(AZ2&gt;=$E39)*AND(AZ2&lt;=$F39)</f>
        <v>0</v>
      </c>
      <c r="BA39" s="25">
        <f>(BA2&gt;=$E39)*AND(BA2&lt;=$F39)</f>
        <v>0</v>
      </c>
      <c r="BB39" s="25">
        <f>(BB2&gt;=$E39)*AND(BB2&lt;=$F39)</f>
        <v>0</v>
      </c>
      <c r="BC39" s="25">
        <f>(BC2&gt;=$E39)*AND(BC2&lt;=$F39)</f>
        <v>0</v>
      </c>
      <c r="BD39" s="25">
        <f>(BD2&gt;=$E39)*AND(BD2&lt;=$F39)</f>
        <v>0</v>
      </c>
      <c r="BE39" s="25">
        <f>(BE2&gt;=$E39)*AND(BE2&lt;=$F39)</f>
        <v>0</v>
      </c>
      <c r="BF39" s="25">
        <f>(BF2&gt;=$E39)*AND(BF2&lt;=$F39)</f>
        <v>0</v>
      </c>
      <c r="BG39" s="25">
        <f>(BG2&gt;=$E39)*AND(BG2&lt;=$F39)</f>
        <v>0</v>
      </c>
      <c r="BH39" s="26">
        <f>(BH2&gt;=$E39)*AND(BH2&lt;=$F39)</f>
        <v>0</v>
      </c>
      <c r="XEQ39" s="4"/>
    </row>
    <row r="40" spans="1:60 16371:16371" s="3" customFormat="1" ht="30" customHeight="1">
      <c r="A40" s="118"/>
      <c r="B40" s="123"/>
      <c r="C40" s="80" t="s">
        <v>90</v>
      </c>
      <c r="D40" s="81" t="s">
        <v>20</v>
      </c>
      <c r="E40" s="82"/>
      <c r="F40" s="82"/>
      <c r="G40" s="81"/>
      <c r="H40" s="81"/>
      <c r="I40" s="25">
        <f>(I2&gt;=$E40)*AND(I2&lt;=$F40)</f>
        <v>0</v>
      </c>
      <c r="J40" s="25">
        <f>(J2&gt;=$E40)*AND(J2&lt;=$F40)</f>
        <v>0</v>
      </c>
      <c r="K40" s="25">
        <f>(K2&gt;=$E40)*AND(K2&lt;=$F40)</f>
        <v>0</v>
      </c>
      <c r="L40" s="25">
        <f>(L2&gt;=$E40)*AND(L2&lt;=$F40)</f>
        <v>0</v>
      </c>
      <c r="M40" s="25">
        <f>(M2&gt;=$E40)*AND(M2&lt;=$F40)</f>
        <v>0</v>
      </c>
      <c r="N40" s="25">
        <f>(N2&gt;=$E40)*AND(N2&lt;=$F40)</f>
        <v>0</v>
      </c>
      <c r="O40" s="25">
        <f>(O2&gt;=$E40)*AND(O2&lt;=$F40)</f>
        <v>0</v>
      </c>
      <c r="P40" s="25">
        <f>(P2&gt;=$E40)*AND(P2&lt;=$F40)</f>
        <v>0</v>
      </c>
      <c r="Q40" s="25">
        <f>(Q2&gt;=$E40)*AND(Q2&lt;=$F40)</f>
        <v>0</v>
      </c>
      <c r="R40" s="25">
        <f>(R2&gt;=$E40)*AND(R2&lt;=$F40)</f>
        <v>0</v>
      </c>
      <c r="S40" s="25">
        <f>(S2&gt;=$E40)*AND(S2&lt;=$F40)</f>
        <v>0</v>
      </c>
      <c r="T40" s="25">
        <f>(T2&gt;=$E40)*AND(T2&lt;=$F40)</f>
        <v>0</v>
      </c>
      <c r="U40" s="25">
        <f>(U2&gt;=$E40)*AND(U2&lt;=$F40)</f>
        <v>0</v>
      </c>
      <c r="V40" s="25">
        <f>(V2&gt;=$E40)*AND(V2&lt;=$F40)</f>
        <v>0</v>
      </c>
      <c r="W40" s="25">
        <f>(W2&gt;=$E40)*AND(W2&lt;=$F40)</f>
        <v>0</v>
      </c>
      <c r="X40" s="25">
        <f>(X2&gt;=$E40)*AND(X2&lt;=$F40)</f>
        <v>0</v>
      </c>
      <c r="Y40" s="25">
        <f>(Y2&gt;=$E40)*AND(Y2&lt;=$F40)</f>
        <v>0</v>
      </c>
      <c r="Z40" s="25">
        <f>(Z2&gt;=$E40)*AND(Z2&lt;=$F40)</f>
        <v>0</v>
      </c>
      <c r="AA40" s="25">
        <f>(AA2&gt;=$E40)*AND(AA2&lt;=$F40)</f>
        <v>0</v>
      </c>
      <c r="AB40" s="25">
        <f>(AB2&gt;=$E40)*AND(AB2&lt;=$F40)</f>
        <v>0</v>
      </c>
      <c r="AC40" s="25">
        <f>(AC2&gt;=$E40)*AND(AC2&lt;=$F40)</f>
        <v>0</v>
      </c>
      <c r="AD40" s="25">
        <f>(AD2&gt;=$E40)*AND(AD2&lt;=$F40)</f>
        <v>0</v>
      </c>
      <c r="AE40" s="25">
        <f>(AE2&gt;=$E40)*AND(AE2&lt;=$F40)</f>
        <v>0</v>
      </c>
      <c r="AF40" s="25">
        <f>(AF2&gt;=$E40)*AND(AF2&lt;=$F40)</f>
        <v>0</v>
      </c>
      <c r="AG40" s="25">
        <f>(AG2&gt;=$E40)*AND(AG2&lt;=$F40)</f>
        <v>0</v>
      </c>
      <c r="AH40" s="25">
        <f>(AH2&gt;=$E40)*AND(AH2&lt;=$F40)</f>
        <v>0</v>
      </c>
      <c r="AI40" s="25">
        <f>(AI2&gt;=$E40)*AND(AI2&lt;=$F40)</f>
        <v>0</v>
      </c>
      <c r="AJ40" s="25">
        <f>(AJ2&gt;=$E40)*AND(AJ2&lt;=$F40)</f>
        <v>0</v>
      </c>
      <c r="AK40" s="25">
        <f>(AK2&gt;=$E40)*AND(AK2&lt;=$F40)</f>
        <v>0</v>
      </c>
      <c r="AL40" s="25">
        <f>(AL2&gt;=$E40)*AND(AL2&lt;=$F40)</f>
        <v>0</v>
      </c>
      <c r="AM40" s="25">
        <f>(AM2&gt;=$E40)*AND(AM2&lt;=$F40)</f>
        <v>0</v>
      </c>
      <c r="AN40" s="25">
        <f>(AN2&gt;=$E40)*AND(AN2&lt;=$F40)</f>
        <v>0</v>
      </c>
      <c r="AO40" s="25">
        <f>(AO2&gt;=$E40)*AND(AO2&lt;=$F40)</f>
        <v>0</v>
      </c>
      <c r="AP40" s="25">
        <f>(AP2&gt;=$E40)*AND(AP2&lt;=$F40)</f>
        <v>0</v>
      </c>
      <c r="AQ40" s="25">
        <f>(AQ2&gt;=$E40)*AND(AQ2&lt;=$F40)</f>
        <v>0</v>
      </c>
      <c r="AR40" s="25">
        <f>(AR2&gt;=$E40)*AND(AR2&lt;=$F40)</f>
        <v>0</v>
      </c>
      <c r="AS40" s="25">
        <f>(AS2&gt;=$E40)*AND(AS2&lt;=$F40)</f>
        <v>0</v>
      </c>
      <c r="AT40" s="25">
        <f>(AT2&gt;=$E40)*AND(AT2&lt;=$F40)</f>
        <v>0</v>
      </c>
      <c r="AU40" s="25">
        <f>(AU2&gt;=$E40)*AND(AU2&lt;=$F40)</f>
        <v>0</v>
      </c>
      <c r="AV40" s="25">
        <f>(AV2&gt;=$E40)*AND(AV2&lt;=$F40)</f>
        <v>0</v>
      </c>
      <c r="AW40" s="25">
        <f>(AW2&gt;=$E40)*AND(AW2&lt;=$F40)</f>
        <v>0</v>
      </c>
      <c r="AX40" s="25">
        <f>(AX2&gt;=$E40)*AND(AX2&lt;=$F40)</f>
        <v>0</v>
      </c>
      <c r="AY40" s="25">
        <f>(AY2&gt;=$E40)*AND(AY2&lt;=$F40)</f>
        <v>0</v>
      </c>
      <c r="AZ40" s="25">
        <f>(AZ2&gt;=$E40)*AND(AZ2&lt;=$F40)</f>
        <v>0</v>
      </c>
      <c r="BA40" s="25">
        <f>(BA2&gt;=$E40)*AND(BA2&lt;=$F40)</f>
        <v>0</v>
      </c>
      <c r="BB40" s="25">
        <f>(BB2&gt;=$E40)*AND(BB2&lt;=$F40)</f>
        <v>0</v>
      </c>
      <c r="BC40" s="25">
        <f>(BC2&gt;=$E40)*AND(BC2&lt;=$F40)</f>
        <v>0</v>
      </c>
      <c r="BD40" s="25">
        <f>(BD2&gt;=$E40)*AND(BD2&lt;=$F40)</f>
        <v>0</v>
      </c>
      <c r="BE40" s="25">
        <f>(BE2&gt;=$E40)*AND(BE2&lt;=$F40)</f>
        <v>0</v>
      </c>
      <c r="BF40" s="25">
        <f>(BF2&gt;=$E40)*AND(BF2&lt;=$F40)</f>
        <v>0</v>
      </c>
      <c r="BG40" s="25">
        <f>(BG2&gt;=$E40)*AND(BG2&lt;=$F40)</f>
        <v>0</v>
      </c>
      <c r="BH40" s="26">
        <f>(BH2&gt;=$E40)*AND(BH2&lt;=$F40)</f>
        <v>0</v>
      </c>
    </row>
    <row r="41" spans="1:60 16371:16371" ht="30" customHeight="1">
      <c r="A41" s="118"/>
      <c r="B41" s="123"/>
      <c r="C41" s="84" t="s">
        <v>18</v>
      </c>
      <c r="D41" s="85" t="s">
        <v>20</v>
      </c>
      <c r="E41" s="86"/>
      <c r="F41" s="86"/>
      <c r="G41" s="85"/>
      <c r="H41" s="85"/>
      <c r="I41" s="25">
        <f>(I2&gt;=$E41)*AND(I2&lt;=$F41)</f>
        <v>0</v>
      </c>
      <c r="J41" s="25">
        <f>(J2&gt;=$E41)*AND(J2&lt;=$F41)</f>
        <v>0</v>
      </c>
      <c r="K41" s="25">
        <f>(K2&gt;=$E41)*AND(K2&lt;=$F41)</f>
        <v>0</v>
      </c>
      <c r="L41" s="25">
        <f>(L2&gt;=$E41)*AND(L2&lt;=$F41)</f>
        <v>0</v>
      </c>
      <c r="M41" s="25">
        <f>(M2&gt;=$E41)*AND(M2&lt;=$F41)</f>
        <v>0</v>
      </c>
      <c r="N41" s="25">
        <f>(N2&gt;=$E41)*AND(N2&lt;=$F41)</f>
        <v>0</v>
      </c>
      <c r="O41" s="25">
        <f>(O2&gt;=$E41)*AND(O2&lt;=$F41)</f>
        <v>0</v>
      </c>
      <c r="P41" s="25">
        <f>(P2&gt;=$E41)*AND(P2&lt;=$F41)</f>
        <v>0</v>
      </c>
      <c r="Q41" s="25">
        <f>(Q2&gt;=$E41)*AND(Q2&lt;=$F41)</f>
        <v>0</v>
      </c>
      <c r="R41" s="25">
        <f>(R2&gt;=$E41)*AND(R2&lt;=$F41)</f>
        <v>0</v>
      </c>
      <c r="S41" s="25">
        <f>(S2&gt;=$E41)*AND(S2&lt;=$F41)</f>
        <v>0</v>
      </c>
      <c r="T41" s="25">
        <f>(T2&gt;=$E41)*AND(T2&lt;=$F41)</f>
        <v>0</v>
      </c>
      <c r="U41" s="25">
        <f>(U2&gt;=$E41)*AND(U2&lt;=$F41)</f>
        <v>0</v>
      </c>
      <c r="V41" s="25">
        <f>(V2&gt;=$E41)*AND(V2&lt;=$F41)</f>
        <v>0</v>
      </c>
      <c r="W41" s="25">
        <f>(W2&gt;=$E41)*AND(W2&lt;=$F41)</f>
        <v>0</v>
      </c>
      <c r="X41" s="25">
        <f>(X2&gt;=$E41)*AND(X2&lt;=$F41)</f>
        <v>0</v>
      </c>
      <c r="Y41" s="25">
        <f>(Y2&gt;=$E41)*AND(Y2&lt;=$F41)</f>
        <v>0</v>
      </c>
      <c r="Z41" s="25">
        <f>(Z2&gt;=$E41)*AND(Z2&lt;=$F41)</f>
        <v>0</v>
      </c>
      <c r="AA41" s="25">
        <f>(AA2&gt;=$E41)*AND(AA2&lt;=$F41)</f>
        <v>0</v>
      </c>
      <c r="AB41" s="25">
        <f>(AB2&gt;=$E41)*AND(AB2&lt;=$F41)</f>
        <v>0</v>
      </c>
      <c r="AC41" s="25">
        <f>(AC2&gt;=$E41)*AND(AC2&lt;=$F41)</f>
        <v>0</v>
      </c>
      <c r="AD41" s="25">
        <f>(AD2&gt;=$E41)*AND(AD2&lt;=$F41)</f>
        <v>0</v>
      </c>
      <c r="AE41" s="25">
        <f>(AE2&gt;=$E41)*AND(AE2&lt;=$F41)</f>
        <v>0</v>
      </c>
      <c r="AF41" s="25">
        <f>(AF2&gt;=$E41)*AND(AF2&lt;=$F41)</f>
        <v>0</v>
      </c>
      <c r="AG41" s="25">
        <f>(AG2&gt;=$E41)*AND(AG2&lt;=$F41)</f>
        <v>0</v>
      </c>
      <c r="AH41" s="25">
        <f>(AH2&gt;=$E41)*AND(AH2&lt;=$F41)</f>
        <v>0</v>
      </c>
      <c r="AI41" s="25">
        <f>(AI2&gt;=$E41)*AND(AI2&lt;=$F41)</f>
        <v>0</v>
      </c>
      <c r="AJ41" s="25">
        <f>(AJ2&gt;=$E41)*AND(AJ2&lt;=$F41)</f>
        <v>0</v>
      </c>
      <c r="AK41" s="25">
        <f>(AK2&gt;=$E41)*AND(AK2&lt;=$F41)</f>
        <v>0</v>
      </c>
      <c r="AL41" s="25">
        <f>(AL2&gt;=$E41)*AND(AL2&lt;=$F41)</f>
        <v>0</v>
      </c>
      <c r="AM41" s="25">
        <f>(AM2&gt;=$E41)*AND(AM2&lt;=$F41)</f>
        <v>0</v>
      </c>
      <c r="AN41" s="25">
        <f>(AN2&gt;=$E41)*AND(AN2&lt;=$F41)</f>
        <v>0</v>
      </c>
      <c r="AO41" s="25">
        <f>(AO2&gt;=$E41)*AND(AO2&lt;=$F41)</f>
        <v>0</v>
      </c>
      <c r="AP41" s="25">
        <f>(AP2&gt;=$E41)*AND(AP2&lt;=$F41)</f>
        <v>0</v>
      </c>
      <c r="AQ41" s="25">
        <f>(AQ2&gt;=$E41)*AND(AQ2&lt;=$F41)</f>
        <v>0</v>
      </c>
      <c r="AR41" s="25">
        <f>(AR2&gt;=$E41)*AND(AR2&lt;=$F41)</f>
        <v>0</v>
      </c>
      <c r="AS41" s="25">
        <f>(AS2&gt;=$E41)*AND(AS2&lt;=$F41)</f>
        <v>0</v>
      </c>
      <c r="AT41" s="25">
        <f>(AT2&gt;=$E41)*AND(AT2&lt;=$F41)</f>
        <v>0</v>
      </c>
      <c r="AU41" s="25">
        <f>(AU2&gt;=$E41)*AND(AU2&lt;=$F41)</f>
        <v>0</v>
      </c>
      <c r="AV41" s="25">
        <f>(AV2&gt;=$E41)*AND(AV2&lt;=$F41)</f>
        <v>0</v>
      </c>
      <c r="AW41" s="25">
        <f>(AW2&gt;=$E41)*AND(AW2&lt;=$F41)</f>
        <v>0</v>
      </c>
      <c r="AX41" s="25">
        <f>(AX2&gt;=$E41)*AND(AX2&lt;=$F41)</f>
        <v>0</v>
      </c>
      <c r="AY41" s="25">
        <f>(AY2&gt;=$E41)*AND(AY2&lt;=$F41)</f>
        <v>0</v>
      </c>
      <c r="AZ41" s="25">
        <f>(AZ2&gt;=$E41)*AND(AZ2&lt;=$F41)</f>
        <v>0</v>
      </c>
      <c r="BA41" s="25">
        <f>(BA2&gt;=$E41)*AND(BA2&lt;=$F41)</f>
        <v>0</v>
      </c>
      <c r="BB41" s="25">
        <f>(BB2&gt;=$E41)*AND(BB2&lt;=$F41)</f>
        <v>0</v>
      </c>
      <c r="BC41" s="25">
        <f>(BC2&gt;=$E41)*AND(BC2&lt;=$F41)</f>
        <v>0</v>
      </c>
      <c r="BD41" s="25">
        <f>(BD2&gt;=$E41)*AND(BD2&lt;=$F41)</f>
        <v>0</v>
      </c>
      <c r="BE41" s="25">
        <f>(BE2&gt;=$E41)*AND(BE2&lt;=$F41)</f>
        <v>0</v>
      </c>
      <c r="BF41" s="25">
        <f>(BF2&gt;=$E41)*AND(BF2&lt;=$F41)</f>
        <v>0</v>
      </c>
      <c r="BG41" s="25">
        <f>(BG2&gt;=$E41)*AND(BG2&lt;=$F41)</f>
        <v>0</v>
      </c>
      <c r="BH41" s="26">
        <f>(BH2&gt;=$E41)*AND(BH2&lt;=$F41)</f>
        <v>0</v>
      </c>
    </row>
    <row r="42" spans="1:60 16371:16371" ht="30" customHeight="1">
      <c r="A42" s="62"/>
      <c r="B42" s="109" t="s">
        <v>91</v>
      </c>
      <c r="C42" s="87" t="s">
        <v>92</v>
      </c>
      <c r="D42" s="88" t="s">
        <v>20</v>
      </c>
      <c r="E42" s="89"/>
      <c r="F42" s="89"/>
      <c r="G42" s="90"/>
      <c r="H42" s="91"/>
      <c r="I42" s="25">
        <f>(I2&gt;=$E42)*AND(I2&lt;=$F42)</f>
        <v>0</v>
      </c>
      <c r="J42" s="25">
        <f>(J2&gt;=$E42)*AND(J2&lt;=$F42)</f>
        <v>0</v>
      </c>
      <c r="K42" s="25">
        <f>(K2&gt;=$E42)*AND(K2&lt;=$F42)</f>
        <v>0</v>
      </c>
      <c r="L42" s="25">
        <f>(L2&gt;=$E42)*AND(L2&lt;=$F42)</f>
        <v>0</v>
      </c>
      <c r="M42" s="25">
        <f>(M2&gt;=$E42)*AND(M2&lt;=$F42)</f>
        <v>0</v>
      </c>
      <c r="N42" s="25">
        <f>(N2&gt;=$E42)*AND(N2&lt;=$F42)</f>
        <v>0</v>
      </c>
      <c r="O42" s="25">
        <f>(O2&gt;=$E42)*AND(O2&lt;=$F42)</f>
        <v>0</v>
      </c>
      <c r="P42" s="25">
        <f>(P2&gt;=$E42)*AND(P2&lt;=$F42)</f>
        <v>0</v>
      </c>
      <c r="Q42" s="25">
        <f>(Q2&gt;=$E42)*AND(Q2&lt;=$F42)</f>
        <v>0</v>
      </c>
      <c r="R42" s="25">
        <f>(R2&gt;=$E42)*AND(R2&lt;=$F42)</f>
        <v>0</v>
      </c>
      <c r="S42" s="25">
        <f>(S2&gt;=$E42)*AND(S2&lt;=$F42)</f>
        <v>0</v>
      </c>
      <c r="T42" s="25">
        <f>(T2&gt;=$E42)*AND(T2&lt;=$F42)</f>
        <v>0</v>
      </c>
      <c r="U42" s="25">
        <f>(U2&gt;=$E42)*AND(U2&lt;=$F42)</f>
        <v>0</v>
      </c>
      <c r="V42" s="25">
        <f>(V2&gt;=$E42)*AND(V2&lt;=$F42)</f>
        <v>0</v>
      </c>
      <c r="W42" s="25">
        <f>(W2&gt;=$E42)*AND(W2&lt;=$F42)</f>
        <v>0</v>
      </c>
      <c r="X42" s="25">
        <f>(X2&gt;=$E42)*AND(X2&lt;=$F42)</f>
        <v>0</v>
      </c>
      <c r="Y42" s="25">
        <f>(Y2&gt;=$E42)*AND(Y2&lt;=$F42)</f>
        <v>0</v>
      </c>
      <c r="Z42" s="25">
        <f>(Z2&gt;=$E42)*AND(Z2&lt;=$F42)</f>
        <v>0</v>
      </c>
      <c r="AA42" s="25">
        <f>(AA2&gt;=$E42)*AND(AA2&lt;=$F42)</f>
        <v>0</v>
      </c>
      <c r="AB42" s="25">
        <f>(AB2&gt;=$E42)*AND(AB2&lt;=$F42)</f>
        <v>0</v>
      </c>
      <c r="AC42" s="25">
        <f>(AC2&gt;=$E42)*AND(AC2&lt;=$F42)</f>
        <v>0</v>
      </c>
      <c r="AD42" s="25">
        <f>(AD2&gt;=$E42)*AND(AD2&lt;=$F42)</f>
        <v>0</v>
      </c>
      <c r="AE42" s="25">
        <f>(AE2&gt;=$E42)*AND(AE2&lt;=$F42)</f>
        <v>0</v>
      </c>
      <c r="AF42" s="25">
        <f>(AF2&gt;=$E42)*AND(AF2&lt;=$F42)</f>
        <v>0</v>
      </c>
      <c r="AG42" s="25">
        <f>(AG2&gt;=$E42)*AND(AG2&lt;=$F42)</f>
        <v>0</v>
      </c>
      <c r="AH42" s="25">
        <f>(AH2&gt;=$E42)*AND(AH2&lt;=$F42)</f>
        <v>0</v>
      </c>
      <c r="AI42" s="25">
        <f>(AI2&gt;=$E42)*AND(AI2&lt;=$F42)</f>
        <v>0</v>
      </c>
      <c r="AJ42" s="25">
        <f>(AJ2&gt;=$E42)*AND(AJ2&lt;=$F42)</f>
        <v>0</v>
      </c>
      <c r="AK42" s="25">
        <f>(AK2&gt;=$E42)*AND(AK2&lt;=$F42)</f>
        <v>0</v>
      </c>
      <c r="AL42" s="25">
        <f>(AL2&gt;=$E42)*AND(AL2&lt;=$F42)</f>
        <v>0</v>
      </c>
      <c r="AM42" s="25">
        <f>(AM2&gt;=$E42)*AND(AM2&lt;=$F42)</f>
        <v>0</v>
      </c>
      <c r="AN42" s="25">
        <f>(AN2&gt;=$E42)*AND(AN2&lt;=$F42)</f>
        <v>0</v>
      </c>
      <c r="AO42" s="25">
        <f>(AO2&gt;=$E42)*AND(AO2&lt;=$F42)</f>
        <v>0</v>
      </c>
      <c r="AP42" s="25">
        <f>(AP2&gt;=$E42)*AND(AP2&lt;=$F42)</f>
        <v>0</v>
      </c>
      <c r="AQ42" s="25">
        <f>(AQ2&gt;=$E42)*AND(AQ2&lt;=$F42)</f>
        <v>0</v>
      </c>
      <c r="AR42" s="25">
        <f>(AR2&gt;=$E42)*AND(AR2&lt;=$F42)</f>
        <v>0</v>
      </c>
      <c r="AS42" s="25">
        <f>(AS2&gt;=$E42)*AND(AS2&lt;=$F42)</f>
        <v>0</v>
      </c>
      <c r="AT42" s="25">
        <f>(AT2&gt;=$E42)*AND(AT2&lt;=$F42)</f>
        <v>0</v>
      </c>
      <c r="AU42" s="25">
        <f>(AU2&gt;=$E42)*AND(AU2&lt;=$F42)</f>
        <v>0</v>
      </c>
      <c r="AV42" s="25">
        <f>(AV2&gt;=$E42)*AND(AV2&lt;=$F42)</f>
        <v>0</v>
      </c>
      <c r="AW42" s="25">
        <f>(AW2&gt;=$E42)*AND(AW2&lt;=$F42)</f>
        <v>0</v>
      </c>
      <c r="AX42" s="25">
        <f>(AX2&gt;=$E42)*AND(AX2&lt;=$F42)</f>
        <v>0</v>
      </c>
      <c r="AY42" s="25">
        <f>(AY2&gt;=$E42)*AND(AY2&lt;=$F42)</f>
        <v>0</v>
      </c>
      <c r="AZ42" s="25">
        <f>(AZ2&gt;=$E42)*AND(AZ2&lt;=$F42)</f>
        <v>0</v>
      </c>
      <c r="BA42" s="25">
        <f>(BA2&gt;=$E42)*AND(BA2&lt;=$F42)</f>
        <v>0</v>
      </c>
      <c r="BB42" s="25">
        <f>(BB2&gt;=$E42)*AND(BB2&lt;=$F42)</f>
        <v>0</v>
      </c>
      <c r="BC42" s="25">
        <f>(BC2&gt;=$E42)*AND(BC2&lt;=$F42)</f>
        <v>0</v>
      </c>
      <c r="BD42" s="25">
        <f>(BD2&gt;=$E42)*AND(BD2&lt;=$F42)</f>
        <v>0</v>
      </c>
      <c r="BE42" s="25">
        <f>(BE2&gt;=$E42)*AND(BE2&lt;=$F42)</f>
        <v>0</v>
      </c>
      <c r="BF42" s="25">
        <f>(BF2&gt;=$E42)*AND(BF2&lt;=$F42)</f>
        <v>0</v>
      </c>
      <c r="BG42" s="25">
        <f>(BG2&gt;=$E42)*AND(BG2&lt;=$F42)</f>
        <v>0</v>
      </c>
      <c r="BH42" s="26">
        <f>(BH2&gt;=$E42)*AND(BH2&lt;=$F42)</f>
        <v>0</v>
      </c>
    </row>
    <row r="43" spans="1:60 16371:16371" ht="30" customHeight="1">
      <c r="A43" s="62"/>
      <c r="B43" s="109"/>
      <c r="C43" s="87" t="s">
        <v>93</v>
      </c>
      <c r="D43" s="88" t="s">
        <v>20</v>
      </c>
      <c r="E43" s="89"/>
      <c r="F43" s="89"/>
      <c r="G43" s="90"/>
      <c r="H43" s="90"/>
      <c r="I43" s="25">
        <f>(I2&gt;=$E43)*AND(I2&lt;=$F43)</f>
        <v>0</v>
      </c>
      <c r="J43" s="25">
        <f>(J2&gt;=$E43)*AND(J2&lt;=$F43)</f>
        <v>0</v>
      </c>
      <c r="K43" s="25">
        <f>(K2&gt;=$E43)*AND(K2&lt;=$F43)</f>
        <v>0</v>
      </c>
      <c r="L43" s="25">
        <f>(L2&gt;=$E43)*AND(L2&lt;=$F43)</f>
        <v>0</v>
      </c>
      <c r="M43" s="25">
        <f>(M2&gt;=$E43)*AND(M2&lt;=$F43)</f>
        <v>0</v>
      </c>
      <c r="N43" s="25">
        <f>(N2&gt;=$E43)*AND(N2&lt;=$F43)</f>
        <v>0</v>
      </c>
      <c r="O43" s="25">
        <f>(O2&gt;=$E43)*AND(O2&lt;=$F43)</f>
        <v>0</v>
      </c>
      <c r="P43" s="25">
        <f>(P2&gt;=$E43)*AND(P2&lt;=$F43)</f>
        <v>0</v>
      </c>
      <c r="Q43" s="25">
        <f>(Q2&gt;=$E43)*AND(Q2&lt;=$F43)</f>
        <v>0</v>
      </c>
      <c r="R43" s="25">
        <f>(R2&gt;=$E43)*AND(R2&lt;=$F43)</f>
        <v>0</v>
      </c>
      <c r="S43" s="25">
        <f>(S2&gt;=$E43)*AND(S2&lt;=$F43)</f>
        <v>0</v>
      </c>
      <c r="T43" s="25">
        <f>(T2&gt;=$E43)*AND(T2&lt;=$F43)</f>
        <v>0</v>
      </c>
      <c r="U43" s="25">
        <f>(U2&gt;=$E43)*AND(U2&lt;=$F43)</f>
        <v>0</v>
      </c>
      <c r="V43" s="25">
        <f>(V2&gt;=$E43)*AND(V2&lt;=$F43)</f>
        <v>0</v>
      </c>
      <c r="W43" s="25">
        <f>(W2&gt;=$E43)*AND(W2&lt;=$F43)</f>
        <v>0</v>
      </c>
      <c r="X43" s="25">
        <f>(X2&gt;=$E43)*AND(X2&lt;=$F43)</f>
        <v>0</v>
      </c>
      <c r="Y43" s="25">
        <f>(Y2&gt;=$E43)*AND(Y2&lt;=$F43)</f>
        <v>0</v>
      </c>
      <c r="Z43" s="25">
        <f>(Z2&gt;=$E43)*AND(Z2&lt;=$F43)</f>
        <v>0</v>
      </c>
      <c r="AA43" s="25">
        <f>(AA2&gt;=$E43)*AND(AA2&lt;=$F43)</f>
        <v>0</v>
      </c>
      <c r="AB43" s="25">
        <f>(AB2&gt;=$E43)*AND(AB2&lt;=$F43)</f>
        <v>0</v>
      </c>
      <c r="AC43" s="25">
        <f>(AC2&gt;=$E43)*AND(AC2&lt;=$F43)</f>
        <v>0</v>
      </c>
      <c r="AD43" s="25">
        <f>(AD2&gt;=$E43)*AND(AD2&lt;=$F43)</f>
        <v>0</v>
      </c>
      <c r="AE43" s="25">
        <f>(AE2&gt;=$E43)*AND(AE2&lt;=$F43)</f>
        <v>0</v>
      </c>
      <c r="AF43" s="25">
        <f>(AF2&gt;=$E43)*AND(AF2&lt;=$F43)</f>
        <v>0</v>
      </c>
      <c r="AG43" s="25">
        <f>(AG2&gt;=$E43)*AND(AG2&lt;=$F43)</f>
        <v>0</v>
      </c>
      <c r="AH43" s="25">
        <f>(AH2&gt;=$E43)*AND(AH2&lt;=$F43)</f>
        <v>0</v>
      </c>
      <c r="AI43" s="25">
        <f>(AI2&gt;=$E43)*AND(AI2&lt;=$F43)</f>
        <v>0</v>
      </c>
      <c r="AJ43" s="25">
        <f>(AJ2&gt;=$E43)*AND(AJ2&lt;=$F43)</f>
        <v>0</v>
      </c>
      <c r="AK43" s="25">
        <f>(AK2&gt;=$E43)*AND(AK2&lt;=$F43)</f>
        <v>0</v>
      </c>
      <c r="AL43" s="25">
        <f>(AL2&gt;=$E43)*AND(AL2&lt;=$F43)</f>
        <v>0</v>
      </c>
      <c r="AM43" s="25">
        <f>(AM2&gt;=$E43)*AND(AM2&lt;=$F43)</f>
        <v>0</v>
      </c>
      <c r="AN43" s="25">
        <f>(AN2&gt;=$E43)*AND(AN2&lt;=$F43)</f>
        <v>0</v>
      </c>
      <c r="AO43" s="25">
        <f>(AO2&gt;=$E43)*AND(AO2&lt;=$F43)</f>
        <v>0</v>
      </c>
      <c r="AP43" s="25">
        <f>(AP2&gt;=$E43)*AND(AP2&lt;=$F43)</f>
        <v>0</v>
      </c>
      <c r="AQ43" s="25">
        <f>(AQ2&gt;=$E43)*AND(AQ2&lt;=$F43)</f>
        <v>0</v>
      </c>
      <c r="AR43" s="25">
        <f>(AR2&gt;=$E43)*AND(AR2&lt;=$F43)</f>
        <v>0</v>
      </c>
      <c r="AS43" s="25">
        <f>(AS2&gt;=$E43)*AND(AS2&lt;=$F43)</f>
        <v>0</v>
      </c>
      <c r="AT43" s="25">
        <f>(AT2&gt;=$E43)*AND(AT2&lt;=$F43)</f>
        <v>0</v>
      </c>
      <c r="AU43" s="25">
        <f>(AU2&gt;=$E43)*AND(AU2&lt;=$F43)</f>
        <v>0</v>
      </c>
      <c r="AV43" s="25">
        <f>(AV2&gt;=$E43)*AND(AV2&lt;=$F43)</f>
        <v>0</v>
      </c>
      <c r="AW43" s="25">
        <f>(AW2&gt;=$E43)*AND(AW2&lt;=$F43)</f>
        <v>0</v>
      </c>
      <c r="AX43" s="25">
        <f>(AX2&gt;=$E43)*AND(AX2&lt;=$F43)</f>
        <v>0</v>
      </c>
      <c r="AY43" s="25">
        <f>(AY2&gt;=$E43)*AND(AY2&lt;=$F43)</f>
        <v>0</v>
      </c>
      <c r="AZ43" s="25">
        <f>(AZ2&gt;=$E43)*AND(AZ2&lt;=$F43)</f>
        <v>0</v>
      </c>
      <c r="BA43" s="25">
        <f>(BA2&gt;=$E43)*AND(BA2&lt;=$F43)</f>
        <v>0</v>
      </c>
      <c r="BB43" s="25">
        <f>(BB2&gt;=$E43)*AND(BB2&lt;=$F43)</f>
        <v>0</v>
      </c>
      <c r="BC43" s="25">
        <f>(BC2&gt;=$E43)*AND(BC2&lt;=$F43)</f>
        <v>0</v>
      </c>
      <c r="BD43" s="25">
        <f>(BD2&gt;=$E43)*AND(BD2&lt;=$F43)</f>
        <v>0</v>
      </c>
      <c r="BE43" s="25">
        <f>(BE2&gt;=$E43)*AND(BE2&lt;=$F43)</f>
        <v>0</v>
      </c>
      <c r="BF43" s="25">
        <f>(BF2&gt;=$E43)*AND(BF2&lt;=$F43)</f>
        <v>0</v>
      </c>
      <c r="BG43" s="25">
        <f>(BG2&gt;=$E43)*AND(BG2&lt;=$F43)</f>
        <v>0</v>
      </c>
      <c r="BH43" s="26">
        <f>(BH2&gt;=$E43)*AND(BH2&lt;=$F43)</f>
        <v>0</v>
      </c>
    </row>
    <row r="44" spans="1:60 16371:16371" ht="30" customHeight="1">
      <c r="A44" s="62"/>
      <c r="B44" s="109"/>
      <c r="C44" s="87" t="s">
        <v>94</v>
      </c>
      <c r="D44" s="88" t="s">
        <v>20</v>
      </c>
      <c r="E44" s="89"/>
      <c r="F44" s="89"/>
      <c r="G44" s="90"/>
      <c r="H44" s="91"/>
      <c r="I44" s="25">
        <f>(I2&gt;=$E44)*AND(I2&lt;=$F44)</f>
        <v>0</v>
      </c>
      <c r="J44" s="25">
        <f>(J2&gt;=$E44)*AND(J2&lt;=$F44)</f>
        <v>0</v>
      </c>
      <c r="K44" s="25">
        <f>(K2&gt;=$E44)*AND(K2&lt;=$F44)</f>
        <v>0</v>
      </c>
      <c r="L44" s="25">
        <f>(L2&gt;=$E44)*AND(L2&lt;=$F44)</f>
        <v>0</v>
      </c>
      <c r="M44" s="25">
        <f>(M2&gt;=$E44)*AND(M2&lt;=$F44)</f>
        <v>0</v>
      </c>
      <c r="N44" s="25">
        <f>(N2&gt;=$E44)*AND(N2&lt;=$F44)</f>
        <v>0</v>
      </c>
      <c r="O44" s="25">
        <f>(O2&gt;=$E44)*AND(O2&lt;=$F44)</f>
        <v>0</v>
      </c>
      <c r="P44" s="25">
        <f>(P2&gt;=$E44)*AND(P2&lt;=$F44)</f>
        <v>0</v>
      </c>
      <c r="Q44" s="25">
        <f>(Q2&gt;=$E44)*AND(Q2&lt;=$F44)</f>
        <v>0</v>
      </c>
      <c r="R44" s="25">
        <f>(R2&gt;=$E44)*AND(R2&lt;=$F44)</f>
        <v>0</v>
      </c>
      <c r="S44" s="25">
        <f>(S2&gt;=$E44)*AND(S2&lt;=$F44)</f>
        <v>0</v>
      </c>
      <c r="T44" s="25">
        <f>(T2&gt;=$E44)*AND(T2&lt;=$F44)</f>
        <v>0</v>
      </c>
      <c r="U44" s="25">
        <f>(U2&gt;=$E44)*AND(U2&lt;=$F44)</f>
        <v>0</v>
      </c>
      <c r="V44" s="25">
        <f>(V2&gt;=$E44)*AND(V2&lt;=$F44)</f>
        <v>0</v>
      </c>
      <c r="W44" s="25">
        <f>(W2&gt;=$E44)*AND(W2&lt;=$F44)</f>
        <v>0</v>
      </c>
      <c r="X44" s="25">
        <f>(X2&gt;=$E44)*AND(X2&lt;=$F44)</f>
        <v>0</v>
      </c>
      <c r="Y44" s="25">
        <f>(Y2&gt;=$E44)*AND(Y2&lt;=$F44)</f>
        <v>0</v>
      </c>
      <c r="Z44" s="25">
        <f>(Z2&gt;=$E44)*AND(Z2&lt;=$F44)</f>
        <v>0</v>
      </c>
      <c r="AA44" s="25">
        <f>(AA2&gt;=$E44)*AND(AA2&lt;=$F44)</f>
        <v>0</v>
      </c>
      <c r="AB44" s="25">
        <f>(AB2&gt;=$E44)*AND(AB2&lt;=$F44)</f>
        <v>0</v>
      </c>
      <c r="AC44" s="25">
        <f>(AC2&gt;=$E44)*AND(AC2&lt;=$F44)</f>
        <v>0</v>
      </c>
      <c r="AD44" s="25">
        <f>(AD2&gt;=$E44)*AND(AD2&lt;=$F44)</f>
        <v>0</v>
      </c>
      <c r="AE44" s="25">
        <f>(AE2&gt;=$E44)*AND(AE2&lt;=$F44)</f>
        <v>0</v>
      </c>
      <c r="AF44" s="25">
        <f>(AF2&gt;=$E44)*AND(AF2&lt;=$F44)</f>
        <v>0</v>
      </c>
      <c r="AG44" s="25">
        <f>(AG2&gt;=$E44)*AND(AG2&lt;=$F44)</f>
        <v>0</v>
      </c>
      <c r="AH44" s="25">
        <f>(AH2&gt;=$E44)*AND(AH2&lt;=$F44)</f>
        <v>0</v>
      </c>
      <c r="AI44" s="25">
        <f>(AI2&gt;=$E44)*AND(AI2&lt;=$F44)</f>
        <v>0</v>
      </c>
      <c r="AJ44" s="25">
        <f>(AJ2&gt;=$E44)*AND(AJ2&lt;=$F44)</f>
        <v>0</v>
      </c>
      <c r="AK44" s="25">
        <f>(AK2&gt;=$E44)*AND(AK2&lt;=$F44)</f>
        <v>0</v>
      </c>
      <c r="AL44" s="25">
        <f>(AL2&gt;=$E44)*AND(AL2&lt;=$F44)</f>
        <v>0</v>
      </c>
      <c r="AM44" s="25">
        <f>(AM2&gt;=$E44)*AND(AM2&lt;=$F44)</f>
        <v>0</v>
      </c>
      <c r="AN44" s="25">
        <f>(AN2&gt;=$E44)*AND(AN2&lt;=$F44)</f>
        <v>0</v>
      </c>
      <c r="AO44" s="25">
        <f>(AO2&gt;=$E44)*AND(AO2&lt;=$F44)</f>
        <v>0</v>
      </c>
      <c r="AP44" s="25">
        <f>(AP2&gt;=$E44)*AND(AP2&lt;=$F44)</f>
        <v>0</v>
      </c>
      <c r="AQ44" s="25">
        <f>(AQ2&gt;=$E44)*AND(AQ2&lt;=$F44)</f>
        <v>0</v>
      </c>
      <c r="AR44" s="25">
        <f>(AR2&gt;=$E44)*AND(AR2&lt;=$F44)</f>
        <v>0</v>
      </c>
      <c r="AS44" s="25">
        <f>(AS2&gt;=$E44)*AND(AS2&lt;=$F44)</f>
        <v>0</v>
      </c>
      <c r="AT44" s="25">
        <f>(AT2&gt;=$E44)*AND(AT2&lt;=$F44)</f>
        <v>0</v>
      </c>
      <c r="AU44" s="25">
        <f>(AU2&gt;=$E44)*AND(AU2&lt;=$F44)</f>
        <v>0</v>
      </c>
      <c r="AV44" s="25">
        <f>(AV2&gt;=$E44)*AND(AV2&lt;=$F44)</f>
        <v>0</v>
      </c>
      <c r="AW44" s="25">
        <f>(AW2&gt;=$E44)*AND(AW2&lt;=$F44)</f>
        <v>0</v>
      </c>
      <c r="AX44" s="25">
        <f>(AX2&gt;=$E44)*AND(AX2&lt;=$F44)</f>
        <v>0</v>
      </c>
      <c r="AY44" s="25">
        <f>(AY2&gt;=$E44)*AND(AY2&lt;=$F44)</f>
        <v>0</v>
      </c>
      <c r="AZ44" s="25">
        <f>(AZ2&gt;=$E44)*AND(AZ2&lt;=$F44)</f>
        <v>0</v>
      </c>
      <c r="BA44" s="25">
        <f>(BA2&gt;=$E44)*AND(BA2&lt;=$F44)</f>
        <v>0</v>
      </c>
      <c r="BB44" s="25">
        <f>(BB2&gt;=$E44)*AND(BB2&lt;=$F44)</f>
        <v>0</v>
      </c>
      <c r="BC44" s="25">
        <f>(BC2&gt;=$E44)*AND(BC2&lt;=$F44)</f>
        <v>0</v>
      </c>
      <c r="BD44" s="25">
        <f>(BD2&gt;=$E44)*AND(BD2&lt;=$F44)</f>
        <v>0</v>
      </c>
      <c r="BE44" s="25">
        <f>(BE2&gt;=$E44)*AND(BE2&lt;=$F44)</f>
        <v>0</v>
      </c>
      <c r="BF44" s="25">
        <f>(BF2&gt;=$E44)*AND(BF2&lt;=$F44)</f>
        <v>0</v>
      </c>
      <c r="BG44" s="25">
        <f>(BG2&gt;=$E44)*AND(BG2&lt;=$F44)</f>
        <v>0</v>
      </c>
      <c r="BH44" s="26">
        <f>(BH2&gt;=$E44)*AND(BH2&lt;=$F44)</f>
        <v>0</v>
      </c>
    </row>
    <row r="45" spans="1:60 16371:16371" s="3" customFormat="1" ht="30" customHeight="1">
      <c r="A45" s="110" t="s">
        <v>95</v>
      </c>
      <c r="B45" s="92"/>
      <c r="C45" s="93" t="s">
        <v>96</v>
      </c>
      <c r="D45" s="94" t="s">
        <v>20</v>
      </c>
      <c r="E45" s="95"/>
      <c r="F45" s="95"/>
      <c r="G45" s="94"/>
      <c r="H45" s="94"/>
      <c r="I45" s="25">
        <f>(I2&gt;=$E45)*AND(I2&lt;=$F45)</f>
        <v>0</v>
      </c>
      <c r="J45" s="25">
        <f>(J2&gt;=$E45)*AND(J2&lt;=$F45)</f>
        <v>0</v>
      </c>
      <c r="K45" s="25">
        <f>(K2&gt;=$E45)*AND(K2&lt;=$F45)</f>
        <v>0</v>
      </c>
      <c r="L45" s="25">
        <f>(L2&gt;=$E45)*AND(L2&lt;=$F45)</f>
        <v>0</v>
      </c>
      <c r="M45" s="25">
        <f>(M2&gt;=$E45)*AND(M2&lt;=$F45)</f>
        <v>0</v>
      </c>
      <c r="N45" s="25">
        <f>(N2&gt;=$E45)*AND(N2&lt;=$F45)</f>
        <v>0</v>
      </c>
      <c r="O45" s="25">
        <f>(O2&gt;=$E45)*AND(O2&lt;=$F45)</f>
        <v>0</v>
      </c>
      <c r="P45" s="25">
        <f>(P2&gt;=$E45)*AND(P2&lt;=$F45)</f>
        <v>0</v>
      </c>
      <c r="Q45" s="25">
        <f>(Q2&gt;=$E45)*AND(Q2&lt;=$F45)</f>
        <v>0</v>
      </c>
      <c r="R45" s="25">
        <f>(R2&gt;=$E45)*AND(R2&lt;=$F45)</f>
        <v>0</v>
      </c>
      <c r="S45" s="25">
        <f>(S2&gt;=$E45)*AND(S2&lt;=$F45)</f>
        <v>0</v>
      </c>
      <c r="T45" s="25">
        <f>(T2&gt;=$E45)*AND(T2&lt;=$F45)</f>
        <v>0</v>
      </c>
      <c r="U45" s="25">
        <f>(U2&gt;=$E45)*AND(U2&lt;=$F45)</f>
        <v>0</v>
      </c>
      <c r="V45" s="25">
        <f>(V2&gt;=$E45)*AND(V2&lt;=$F45)</f>
        <v>0</v>
      </c>
      <c r="W45" s="25">
        <f>(W2&gt;=$E45)*AND(W2&lt;=$F45)</f>
        <v>0</v>
      </c>
      <c r="X45" s="25">
        <f>(X2&gt;=$E45)*AND(X2&lt;=$F45)</f>
        <v>0</v>
      </c>
      <c r="Y45" s="25">
        <f>(Y2&gt;=$E45)*AND(Y2&lt;=$F45)</f>
        <v>0</v>
      </c>
      <c r="Z45" s="25">
        <f>(Z2&gt;=$E45)*AND(Z2&lt;=$F45)</f>
        <v>0</v>
      </c>
      <c r="AA45" s="25">
        <f>(AA2&gt;=$E45)*AND(AA2&lt;=$F45)</f>
        <v>0</v>
      </c>
      <c r="AB45" s="25">
        <f>(AB2&gt;=$E45)*AND(AB2&lt;=$F45)</f>
        <v>0</v>
      </c>
      <c r="AC45" s="25">
        <f>(AC2&gt;=$E45)*AND(AC2&lt;=$F45)</f>
        <v>0</v>
      </c>
      <c r="AD45" s="25">
        <f>(AD2&gt;=$E45)*AND(AD2&lt;=$F45)</f>
        <v>0</v>
      </c>
      <c r="AE45" s="25">
        <f>(AE2&gt;=$E45)*AND(AE2&lt;=$F45)</f>
        <v>0</v>
      </c>
      <c r="AF45" s="25">
        <f>(AF2&gt;=$E45)*AND(AF2&lt;=$F45)</f>
        <v>0</v>
      </c>
      <c r="AG45" s="25">
        <f>(AG2&gt;=$E45)*AND(AG2&lt;=$F45)</f>
        <v>0</v>
      </c>
      <c r="AH45" s="25">
        <f>(AH2&gt;=$E45)*AND(AH2&lt;=$F45)</f>
        <v>0</v>
      </c>
      <c r="AI45" s="25">
        <f>(AI2&gt;=$E45)*AND(AI2&lt;=$F45)</f>
        <v>0</v>
      </c>
      <c r="AJ45" s="25">
        <f>(AJ2&gt;=$E45)*AND(AJ2&lt;=$F45)</f>
        <v>0</v>
      </c>
      <c r="AK45" s="25">
        <f>(AK2&gt;=$E45)*AND(AK2&lt;=$F45)</f>
        <v>0</v>
      </c>
      <c r="AL45" s="25">
        <f>(AL2&gt;=$E45)*AND(AL2&lt;=$F45)</f>
        <v>0</v>
      </c>
      <c r="AM45" s="25">
        <f>(AM2&gt;=$E45)*AND(AM2&lt;=$F45)</f>
        <v>0</v>
      </c>
      <c r="AN45" s="25">
        <f>(AN2&gt;=$E45)*AND(AN2&lt;=$F45)</f>
        <v>0</v>
      </c>
      <c r="AO45" s="25">
        <f>(AO2&gt;=$E45)*AND(AO2&lt;=$F45)</f>
        <v>0</v>
      </c>
      <c r="AP45" s="25">
        <f>(AP2&gt;=$E45)*AND(AP2&lt;=$F45)</f>
        <v>0</v>
      </c>
      <c r="AQ45" s="25">
        <f>(AQ2&gt;=$E45)*AND(AQ2&lt;=$F45)</f>
        <v>0</v>
      </c>
      <c r="AR45" s="25">
        <f>(AR2&gt;=$E45)*AND(AR2&lt;=$F45)</f>
        <v>0</v>
      </c>
      <c r="AS45" s="25">
        <f>(AS2&gt;=$E45)*AND(AS2&lt;=$F45)</f>
        <v>0</v>
      </c>
      <c r="AT45" s="25">
        <f>(AT2&gt;=$E45)*AND(AT2&lt;=$F45)</f>
        <v>0</v>
      </c>
      <c r="AU45" s="25">
        <f>(AU2&gt;=$E45)*AND(AU2&lt;=$F45)</f>
        <v>0</v>
      </c>
      <c r="AV45" s="25">
        <f>(AV2&gt;=$E45)*AND(AV2&lt;=$F45)</f>
        <v>0</v>
      </c>
      <c r="AW45" s="25">
        <f>(AW2&gt;=$E45)*AND(AW2&lt;=$F45)</f>
        <v>0</v>
      </c>
      <c r="AX45" s="25">
        <f>(AX2&gt;=$E45)*AND(AX2&lt;=$F45)</f>
        <v>0</v>
      </c>
      <c r="AY45" s="25">
        <f>(AY2&gt;=$E45)*AND(AY2&lt;=$F45)</f>
        <v>0</v>
      </c>
      <c r="AZ45" s="25">
        <f>(AZ2&gt;=$E45)*AND(AZ2&lt;=$F45)</f>
        <v>0</v>
      </c>
      <c r="BA45" s="25">
        <f>(BA2&gt;=$E45)*AND(BA2&lt;=$F45)</f>
        <v>0</v>
      </c>
      <c r="BB45" s="25">
        <f>(BB2&gt;=$E45)*AND(BB2&lt;=$F45)</f>
        <v>0</v>
      </c>
      <c r="BC45" s="25">
        <f>(BC2&gt;=$E45)*AND(BC2&lt;=$F45)</f>
        <v>0</v>
      </c>
      <c r="BD45" s="25">
        <f>(BD2&gt;=$E45)*AND(BD2&lt;=$F45)</f>
        <v>0</v>
      </c>
      <c r="BE45" s="25">
        <f>(BE2&gt;=$E45)*AND(BE2&lt;=$F45)</f>
        <v>0</v>
      </c>
      <c r="BF45" s="25">
        <f>(BF2&gt;=$E45)*AND(BF2&lt;=$F45)</f>
        <v>0</v>
      </c>
      <c r="BG45" s="25">
        <f>(BG2&gt;=$E45)*AND(BG2&lt;=$F45)</f>
        <v>0</v>
      </c>
      <c r="BH45" s="26">
        <f>(BH2&gt;=$E45)*AND(BH2&lt;=$F45)</f>
        <v>0</v>
      </c>
    </row>
    <row r="46" spans="1:60 16371:16371" s="3" customFormat="1" ht="30" customHeight="1">
      <c r="A46" s="110"/>
      <c r="B46" s="92"/>
      <c r="C46" s="96" t="s">
        <v>97</v>
      </c>
      <c r="D46" s="97" t="s">
        <v>20</v>
      </c>
      <c r="E46" s="98"/>
      <c r="F46" s="98"/>
      <c r="G46" s="97"/>
      <c r="H46" s="97"/>
      <c r="I46" s="25">
        <f>(I2&gt;=$E46)*AND(I2&lt;=$F46)</f>
        <v>0</v>
      </c>
      <c r="J46" s="25">
        <f>(J2&gt;=$E46)*AND(J2&lt;=$F46)</f>
        <v>0</v>
      </c>
      <c r="K46" s="25">
        <f>(K2&gt;=$E46)*AND(K2&lt;=$F46)</f>
        <v>0</v>
      </c>
      <c r="L46" s="25">
        <f>(L2&gt;=$E46)*AND(L2&lt;=$F46)</f>
        <v>0</v>
      </c>
      <c r="M46" s="25">
        <f>(M2&gt;=$E46)*AND(M2&lt;=$F46)</f>
        <v>0</v>
      </c>
      <c r="N46" s="25">
        <f>(N2&gt;=$E46)*AND(N2&lt;=$F46)</f>
        <v>0</v>
      </c>
      <c r="O46" s="25">
        <f>(O2&gt;=$E46)*AND(O2&lt;=$F46)</f>
        <v>0</v>
      </c>
      <c r="P46" s="25">
        <f>(P2&gt;=$E46)*AND(P2&lt;=$F46)</f>
        <v>0</v>
      </c>
      <c r="Q46" s="25">
        <f>(Q2&gt;=$E46)*AND(Q2&lt;=$F46)</f>
        <v>0</v>
      </c>
      <c r="R46" s="25">
        <f>(R2&gt;=$E46)*AND(R2&lt;=$F46)</f>
        <v>0</v>
      </c>
      <c r="S46" s="25">
        <f>(S2&gt;=$E46)*AND(S2&lt;=$F46)</f>
        <v>0</v>
      </c>
      <c r="T46" s="25">
        <f>(T2&gt;=$E46)*AND(T2&lt;=$F46)</f>
        <v>0</v>
      </c>
      <c r="U46" s="25">
        <f>(U2&gt;=$E46)*AND(U2&lt;=$F46)</f>
        <v>0</v>
      </c>
      <c r="V46" s="25">
        <f>(V2&gt;=$E46)*AND(V2&lt;=$F46)</f>
        <v>0</v>
      </c>
      <c r="W46" s="25">
        <f>(W2&gt;=$E46)*AND(W2&lt;=$F46)</f>
        <v>0</v>
      </c>
      <c r="X46" s="25">
        <f>(X2&gt;=$E46)*AND(X2&lt;=$F46)</f>
        <v>0</v>
      </c>
      <c r="Y46" s="25">
        <f>(Y2&gt;=$E46)*AND(Y2&lt;=$F46)</f>
        <v>0</v>
      </c>
      <c r="Z46" s="25">
        <f>(Z2&gt;=$E46)*AND(Z2&lt;=$F46)</f>
        <v>0</v>
      </c>
      <c r="AA46" s="25">
        <f>(AA2&gt;=$E46)*AND(AA2&lt;=$F46)</f>
        <v>0</v>
      </c>
      <c r="AB46" s="25">
        <f>(AB2&gt;=$E46)*AND(AB2&lt;=$F46)</f>
        <v>0</v>
      </c>
      <c r="AC46" s="25">
        <f>(AC2&gt;=$E46)*AND(AC2&lt;=$F46)</f>
        <v>0</v>
      </c>
      <c r="AD46" s="25">
        <f>(AD2&gt;=$E46)*AND(AD2&lt;=$F46)</f>
        <v>0</v>
      </c>
      <c r="AE46" s="25">
        <f>(AE2&gt;=$E46)*AND(AE2&lt;=$F46)</f>
        <v>0</v>
      </c>
      <c r="AF46" s="25">
        <f>(AF2&gt;=$E46)*AND(AF2&lt;=$F46)</f>
        <v>0</v>
      </c>
      <c r="AG46" s="25">
        <f>(AG2&gt;=$E46)*AND(AG2&lt;=$F46)</f>
        <v>0</v>
      </c>
      <c r="AH46" s="25">
        <f>(AH2&gt;=$E46)*AND(AH2&lt;=$F46)</f>
        <v>0</v>
      </c>
      <c r="AI46" s="25">
        <f>(AI2&gt;=$E46)*AND(AI2&lt;=$F46)</f>
        <v>0</v>
      </c>
      <c r="AJ46" s="25">
        <f>(AJ2&gt;=$E46)*AND(AJ2&lt;=$F46)</f>
        <v>0</v>
      </c>
      <c r="AK46" s="25">
        <f>(AK2&gt;=$E46)*AND(AK2&lt;=$F46)</f>
        <v>0</v>
      </c>
      <c r="AL46" s="25">
        <f>(AL2&gt;=$E46)*AND(AL2&lt;=$F46)</f>
        <v>0</v>
      </c>
      <c r="AM46" s="25">
        <f>(AM2&gt;=$E46)*AND(AM2&lt;=$F46)</f>
        <v>0</v>
      </c>
      <c r="AN46" s="25">
        <f>(AN2&gt;=$E46)*AND(AN2&lt;=$F46)</f>
        <v>0</v>
      </c>
      <c r="AO46" s="25">
        <f>(AO2&gt;=$E46)*AND(AO2&lt;=$F46)</f>
        <v>0</v>
      </c>
      <c r="AP46" s="25">
        <f>(AP2&gt;=$E46)*AND(AP2&lt;=$F46)</f>
        <v>0</v>
      </c>
      <c r="AQ46" s="25">
        <f>(AQ2&gt;=$E46)*AND(AQ2&lt;=$F46)</f>
        <v>0</v>
      </c>
      <c r="AR46" s="25">
        <f>(AR2&gt;=$E46)*AND(AR2&lt;=$F46)</f>
        <v>0</v>
      </c>
      <c r="AS46" s="25">
        <f>(AS2&gt;=$E46)*AND(AS2&lt;=$F46)</f>
        <v>0</v>
      </c>
      <c r="AT46" s="25">
        <f>(AT2&gt;=$E46)*AND(AT2&lt;=$F46)</f>
        <v>0</v>
      </c>
      <c r="AU46" s="25">
        <f>(AU2&gt;=$E46)*AND(AU2&lt;=$F46)</f>
        <v>0</v>
      </c>
      <c r="AV46" s="25">
        <f>(AV2&gt;=$E46)*AND(AV2&lt;=$F46)</f>
        <v>0</v>
      </c>
      <c r="AW46" s="25">
        <f>(AW2&gt;=$E46)*AND(AW2&lt;=$F46)</f>
        <v>0</v>
      </c>
      <c r="AX46" s="25">
        <f>(AX2&gt;=$E46)*AND(AX2&lt;=$F46)</f>
        <v>0</v>
      </c>
      <c r="AY46" s="25">
        <f>(AY2&gt;=$E46)*AND(AY2&lt;=$F46)</f>
        <v>0</v>
      </c>
      <c r="AZ46" s="25">
        <f>(AZ2&gt;=$E46)*AND(AZ2&lt;=$F46)</f>
        <v>0</v>
      </c>
      <c r="BA46" s="25">
        <f>(BA2&gt;=$E46)*AND(BA2&lt;=$F46)</f>
        <v>0</v>
      </c>
      <c r="BB46" s="25">
        <f>(BB2&gt;=$E46)*AND(BB2&lt;=$F46)</f>
        <v>0</v>
      </c>
      <c r="BC46" s="25">
        <f>(BC2&gt;=$E46)*AND(BC2&lt;=$F46)</f>
        <v>0</v>
      </c>
      <c r="BD46" s="25">
        <f>(BD2&gt;=$E46)*AND(BD2&lt;=$F46)</f>
        <v>0</v>
      </c>
      <c r="BE46" s="25">
        <f>(BE2&gt;=$E46)*AND(BE2&lt;=$F46)</f>
        <v>0</v>
      </c>
      <c r="BF46" s="25">
        <f>(BF2&gt;=$E46)*AND(BF2&lt;=$F46)</f>
        <v>0</v>
      </c>
      <c r="BG46" s="25">
        <f>(BG2&gt;=$E46)*AND(BG2&lt;=$F46)</f>
        <v>0</v>
      </c>
      <c r="BH46" s="26">
        <f>(BH2&gt;=$E46)*AND(BH2&lt;=$F46)</f>
        <v>0</v>
      </c>
    </row>
    <row r="47" spans="1:60 16371:16371" ht="30" customHeight="1">
      <c r="A47" s="110"/>
      <c r="B47" s="92"/>
      <c r="C47" s="96" t="s">
        <v>98</v>
      </c>
      <c r="D47" s="97" t="s">
        <v>20</v>
      </c>
      <c r="E47" s="98"/>
      <c r="F47" s="98"/>
      <c r="G47" s="97"/>
      <c r="H47" s="97"/>
      <c r="I47" s="25">
        <f>(I2&gt;=$E47)*AND(I2&lt;=$F47)</f>
        <v>0</v>
      </c>
      <c r="J47" s="25">
        <f>(J2&gt;=$E47)*AND(J2&lt;=$F47)</f>
        <v>0</v>
      </c>
      <c r="K47" s="25">
        <f>(K2&gt;=$E47)*AND(K2&lt;=$F47)</f>
        <v>0</v>
      </c>
      <c r="L47" s="25">
        <f>(L2&gt;=$E47)*AND(L2&lt;=$F47)</f>
        <v>0</v>
      </c>
      <c r="M47" s="25">
        <f>(M2&gt;=$E47)*AND(M2&lt;=$F47)</f>
        <v>0</v>
      </c>
      <c r="N47" s="25">
        <f>(N2&gt;=$E47)*AND(N2&lt;=$F47)</f>
        <v>0</v>
      </c>
      <c r="O47" s="25">
        <f>(O2&gt;=$E47)*AND(O2&lt;=$F47)</f>
        <v>0</v>
      </c>
      <c r="P47" s="25">
        <f>(P2&gt;=$E47)*AND(P2&lt;=$F47)</f>
        <v>0</v>
      </c>
      <c r="Q47" s="25">
        <f>(Q2&gt;=$E47)*AND(Q2&lt;=$F47)</f>
        <v>0</v>
      </c>
      <c r="R47" s="25">
        <f>(R2&gt;=$E47)*AND(R2&lt;=$F47)</f>
        <v>0</v>
      </c>
      <c r="S47" s="25">
        <f>(S2&gt;=$E47)*AND(S2&lt;=$F47)</f>
        <v>0</v>
      </c>
      <c r="T47" s="25">
        <f>(T2&gt;=$E47)*AND(T2&lt;=$F47)</f>
        <v>0</v>
      </c>
      <c r="U47" s="25">
        <f>(U2&gt;=$E47)*AND(U2&lt;=$F47)</f>
        <v>0</v>
      </c>
      <c r="V47" s="25">
        <f>(V2&gt;=$E47)*AND(V2&lt;=$F47)</f>
        <v>0</v>
      </c>
      <c r="W47" s="25">
        <f>(W2&gt;=$E47)*AND(W2&lt;=$F47)</f>
        <v>0</v>
      </c>
      <c r="X47" s="25">
        <f>(X2&gt;=$E47)*AND(X2&lt;=$F47)</f>
        <v>0</v>
      </c>
      <c r="Y47" s="25">
        <f>(Y2&gt;=$E47)*AND(Y2&lt;=$F47)</f>
        <v>0</v>
      </c>
      <c r="Z47" s="25">
        <f>(Z2&gt;=$E47)*AND(Z2&lt;=$F47)</f>
        <v>0</v>
      </c>
      <c r="AA47" s="25">
        <f>(AA2&gt;=$E47)*AND(AA2&lt;=$F47)</f>
        <v>0</v>
      </c>
      <c r="AB47" s="25">
        <f>(AB2&gt;=$E47)*AND(AB2&lt;=$F47)</f>
        <v>0</v>
      </c>
      <c r="AC47" s="25">
        <f>(AC2&gt;=$E47)*AND(AC2&lt;=$F47)</f>
        <v>0</v>
      </c>
      <c r="AD47" s="25">
        <f>(AD2&gt;=$E47)*AND(AD2&lt;=$F47)</f>
        <v>0</v>
      </c>
      <c r="AE47" s="25">
        <f>(AE2&gt;=$E47)*AND(AE2&lt;=$F47)</f>
        <v>0</v>
      </c>
      <c r="AF47" s="25">
        <f>(AF2&gt;=$E47)*AND(AF2&lt;=$F47)</f>
        <v>0</v>
      </c>
      <c r="AG47" s="25">
        <f>(AG2&gt;=$E47)*AND(AG2&lt;=$F47)</f>
        <v>0</v>
      </c>
      <c r="AH47" s="25">
        <f>(AH2&gt;=$E47)*AND(AH2&lt;=$F47)</f>
        <v>0</v>
      </c>
      <c r="AI47" s="25">
        <f>(AI2&gt;=$E47)*AND(AI2&lt;=$F47)</f>
        <v>0</v>
      </c>
      <c r="AJ47" s="25">
        <f>(AJ2&gt;=$E47)*AND(AJ2&lt;=$F47)</f>
        <v>0</v>
      </c>
      <c r="AK47" s="25">
        <f>(AK2&gt;=$E47)*AND(AK2&lt;=$F47)</f>
        <v>0</v>
      </c>
      <c r="AL47" s="25">
        <f>(AL2&gt;=$E47)*AND(AL2&lt;=$F47)</f>
        <v>0</v>
      </c>
      <c r="AM47" s="25">
        <f>(AM2&gt;=$E47)*AND(AM2&lt;=$F47)</f>
        <v>0</v>
      </c>
      <c r="AN47" s="25">
        <f>(AN2&gt;=$E47)*AND(AN2&lt;=$F47)</f>
        <v>0</v>
      </c>
      <c r="AO47" s="25">
        <f>(AO2&gt;=$E47)*AND(AO2&lt;=$F47)</f>
        <v>0</v>
      </c>
      <c r="AP47" s="25">
        <f>(AP2&gt;=$E47)*AND(AP2&lt;=$F47)</f>
        <v>0</v>
      </c>
      <c r="AQ47" s="25">
        <f>(AQ2&gt;=$E47)*AND(AQ2&lt;=$F47)</f>
        <v>0</v>
      </c>
      <c r="AR47" s="25">
        <f>(AR2&gt;=$E47)*AND(AR2&lt;=$F47)</f>
        <v>0</v>
      </c>
      <c r="AS47" s="25">
        <f>(AS2&gt;=$E47)*AND(AS2&lt;=$F47)</f>
        <v>0</v>
      </c>
      <c r="AT47" s="25">
        <f>(AT2&gt;=$E47)*AND(AT2&lt;=$F47)</f>
        <v>0</v>
      </c>
      <c r="AU47" s="25">
        <f>(AU2&gt;=$E47)*AND(AU2&lt;=$F47)</f>
        <v>0</v>
      </c>
      <c r="AV47" s="25">
        <f>(AV2&gt;=$E47)*AND(AV2&lt;=$F47)</f>
        <v>0</v>
      </c>
      <c r="AW47" s="25">
        <f>(AW2&gt;=$E47)*AND(AW2&lt;=$F47)</f>
        <v>0</v>
      </c>
      <c r="AX47" s="25">
        <f>(AX2&gt;=$E47)*AND(AX2&lt;=$F47)</f>
        <v>0</v>
      </c>
      <c r="AY47" s="25">
        <f>(AY2&gt;=$E47)*AND(AY2&lt;=$F47)</f>
        <v>0</v>
      </c>
      <c r="AZ47" s="25">
        <f>(AZ2&gt;=$E47)*AND(AZ2&lt;=$F47)</f>
        <v>0</v>
      </c>
      <c r="BA47" s="25">
        <f>(BA2&gt;=$E47)*AND(BA2&lt;=$F47)</f>
        <v>0</v>
      </c>
      <c r="BB47" s="25">
        <f>(BB2&gt;=$E47)*AND(BB2&lt;=$F47)</f>
        <v>0</v>
      </c>
      <c r="BC47" s="25">
        <f>(BC2&gt;=$E47)*AND(BC2&lt;=$F47)</f>
        <v>0</v>
      </c>
      <c r="BD47" s="25">
        <f>(BD2&gt;=$E47)*AND(BD2&lt;=$F47)</f>
        <v>0</v>
      </c>
      <c r="BE47" s="25">
        <f>(BE2&gt;=$E47)*AND(BE2&lt;=$F47)</f>
        <v>0</v>
      </c>
      <c r="BF47" s="25">
        <f>(BF2&gt;=$E47)*AND(BF2&lt;=$F47)</f>
        <v>0</v>
      </c>
      <c r="BG47" s="25">
        <f>(BG2&gt;=$E47)*AND(BG2&lt;=$F47)</f>
        <v>0</v>
      </c>
      <c r="BH47" s="26">
        <f>(BH2&gt;=$E47)*AND(BH2&lt;=$F47)</f>
        <v>0</v>
      </c>
    </row>
    <row r="48" spans="1:60 16371:16371" ht="30" customHeight="1">
      <c r="A48" s="110"/>
      <c r="B48" s="92"/>
      <c r="C48" s="96" t="s">
        <v>99</v>
      </c>
      <c r="D48" s="97" t="s">
        <v>20</v>
      </c>
      <c r="E48" s="98"/>
      <c r="F48" s="98"/>
      <c r="G48" s="97"/>
      <c r="H48" s="97"/>
      <c r="I48" s="25">
        <f>(I2&gt;=$E48)*AND(I2&lt;=$F48)</f>
        <v>0</v>
      </c>
      <c r="J48" s="25">
        <f>(J2&gt;=$E48)*AND(J2&lt;=$F48)</f>
        <v>0</v>
      </c>
      <c r="K48" s="25">
        <f>(K2&gt;=$E48)*AND(K2&lt;=$F48)</f>
        <v>0</v>
      </c>
      <c r="L48" s="25">
        <f>(L2&gt;=$E48)*AND(L2&lt;=$F48)</f>
        <v>0</v>
      </c>
      <c r="M48" s="25">
        <f>(M2&gt;=$E48)*AND(M2&lt;=$F48)</f>
        <v>0</v>
      </c>
      <c r="N48" s="25">
        <f>(N2&gt;=$E48)*AND(N2&lt;=$F48)</f>
        <v>0</v>
      </c>
      <c r="O48" s="25">
        <f>(O2&gt;=$E48)*AND(O2&lt;=$F48)</f>
        <v>0</v>
      </c>
      <c r="P48" s="25">
        <f>(P2&gt;=$E48)*AND(P2&lt;=$F48)</f>
        <v>0</v>
      </c>
      <c r="Q48" s="25">
        <f>(Q2&gt;=$E48)*AND(Q2&lt;=$F48)</f>
        <v>0</v>
      </c>
      <c r="R48" s="25">
        <f>(R2&gt;=$E48)*AND(R2&lt;=$F48)</f>
        <v>0</v>
      </c>
      <c r="S48" s="25">
        <f>(S2&gt;=$E48)*AND(S2&lt;=$F48)</f>
        <v>0</v>
      </c>
      <c r="T48" s="25">
        <f>(T2&gt;=$E48)*AND(T2&lt;=$F48)</f>
        <v>0</v>
      </c>
      <c r="U48" s="25">
        <f>(U2&gt;=$E48)*AND(U2&lt;=$F48)</f>
        <v>0</v>
      </c>
      <c r="V48" s="25">
        <f>(V2&gt;=$E48)*AND(V2&lt;=$F48)</f>
        <v>0</v>
      </c>
      <c r="W48" s="25">
        <f>(W2&gt;=$E48)*AND(W2&lt;=$F48)</f>
        <v>0</v>
      </c>
      <c r="X48" s="25">
        <f>(X2&gt;=$E48)*AND(X2&lt;=$F48)</f>
        <v>0</v>
      </c>
      <c r="Y48" s="25">
        <f>(Y2&gt;=$E48)*AND(Y2&lt;=$F48)</f>
        <v>0</v>
      </c>
      <c r="Z48" s="25">
        <f>(Z2&gt;=$E48)*AND(Z2&lt;=$F48)</f>
        <v>0</v>
      </c>
      <c r="AA48" s="25">
        <f>(AA2&gt;=$E48)*AND(AA2&lt;=$F48)</f>
        <v>0</v>
      </c>
      <c r="AB48" s="25">
        <f>(AB2&gt;=$E48)*AND(AB2&lt;=$F48)</f>
        <v>0</v>
      </c>
      <c r="AC48" s="25">
        <f>(AC2&gt;=$E48)*AND(AC2&lt;=$F48)</f>
        <v>0</v>
      </c>
      <c r="AD48" s="25">
        <f>(AD2&gt;=$E48)*AND(AD2&lt;=$F48)</f>
        <v>0</v>
      </c>
      <c r="AE48" s="25">
        <f>(AE2&gt;=$E48)*AND(AE2&lt;=$F48)</f>
        <v>0</v>
      </c>
      <c r="AF48" s="25">
        <f>(AF2&gt;=$E48)*AND(AF2&lt;=$F48)</f>
        <v>0</v>
      </c>
      <c r="AG48" s="25">
        <f>(AG2&gt;=$E48)*AND(AG2&lt;=$F48)</f>
        <v>0</v>
      </c>
      <c r="AH48" s="25">
        <f>(AH2&gt;=$E48)*AND(AH2&lt;=$F48)</f>
        <v>0</v>
      </c>
      <c r="AI48" s="25">
        <f>(AI2&gt;=$E48)*AND(AI2&lt;=$F48)</f>
        <v>0</v>
      </c>
      <c r="AJ48" s="25">
        <f>(AJ2&gt;=$E48)*AND(AJ2&lt;=$F48)</f>
        <v>0</v>
      </c>
      <c r="AK48" s="25">
        <f>(AK2&gt;=$E48)*AND(AK2&lt;=$F48)</f>
        <v>0</v>
      </c>
      <c r="AL48" s="25">
        <f>(AL2&gt;=$E48)*AND(AL2&lt;=$F48)</f>
        <v>0</v>
      </c>
      <c r="AM48" s="25">
        <f>(AM2&gt;=$E48)*AND(AM2&lt;=$F48)</f>
        <v>0</v>
      </c>
      <c r="AN48" s="25">
        <f>(AN2&gt;=$E48)*AND(AN2&lt;=$F48)</f>
        <v>0</v>
      </c>
      <c r="AO48" s="25">
        <f>(AO2&gt;=$E48)*AND(AO2&lt;=$F48)</f>
        <v>0</v>
      </c>
      <c r="AP48" s="25">
        <f>(AP2&gt;=$E48)*AND(AP2&lt;=$F48)</f>
        <v>0</v>
      </c>
      <c r="AQ48" s="25">
        <f>(AQ2&gt;=$E48)*AND(AQ2&lt;=$F48)</f>
        <v>0</v>
      </c>
      <c r="AR48" s="25">
        <f>(AR2&gt;=$E48)*AND(AR2&lt;=$F48)</f>
        <v>0</v>
      </c>
      <c r="AS48" s="25">
        <f>(AS2&gt;=$E48)*AND(AS2&lt;=$F48)</f>
        <v>0</v>
      </c>
      <c r="AT48" s="25">
        <f>(AT2&gt;=$E48)*AND(AT2&lt;=$F48)</f>
        <v>0</v>
      </c>
      <c r="AU48" s="25">
        <f>(AU2&gt;=$E48)*AND(AU2&lt;=$F48)</f>
        <v>0</v>
      </c>
      <c r="AV48" s="25">
        <f>(AV2&gt;=$E48)*AND(AV2&lt;=$F48)</f>
        <v>0</v>
      </c>
      <c r="AW48" s="25">
        <f>(AW2&gt;=$E48)*AND(AW2&lt;=$F48)</f>
        <v>0</v>
      </c>
      <c r="AX48" s="25">
        <f>(AX2&gt;=$E48)*AND(AX2&lt;=$F48)</f>
        <v>0</v>
      </c>
      <c r="AY48" s="25">
        <f>(AY2&gt;=$E48)*AND(AY2&lt;=$F48)</f>
        <v>0</v>
      </c>
      <c r="AZ48" s="25">
        <f>(AZ2&gt;=$E48)*AND(AZ2&lt;=$F48)</f>
        <v>0</v>
      </c>
      <c r="BA48" s="25">
        <f>(BA2&gt;=$E48)*AND(BA2&lt;=$F48)</f>
        <v>0</v>
      </c>
      <c r="BB48" s="25">
        <f>(BB2&gt;=$E48)*AND(BB2&lt;=$F48)</f>
        <v>0</v>
      </c>
      <c r="BC48" s="25">
        <f>(BC2&gt;=$E48)*AND(BC2&lt;=$F48)</f>
        <v>0</v>
      </c>
      <c r="BD48" s="25">
        <f>(BD2&gt;=$E48)*AND(BD2&lt;=$F48)</f>
        <v>0</v>
      </c>
      <c r="BE48" s="25">
        <f>(BE2&gt;=$E48)*AND(BE2&lt;=$F48)</f>
        <v>0</v>
      </c>
      <c r="BF48" s="25">
        <f>(BF2&gt;=$E48)*AND(BF2&lt;=$F48)</f>
        <v>0</v>
      </c>
      <c r="BG48" s="25">
        <f>(BG2&gt;=$E48)*AND(BG2&lt;=$F48)</f>
        <v>0</v>
      </c>
      <c r="BH48" s="26">
        <f>(BH2&gt;=$E48)*AND(BH2&lt;=$F48)</f>
        <v>0</v>
      </c>
    </row>
    <row r="49" spans="1:60" ht="30" customHeight="1">
      <c r="A49" s="110"/>
      <c r="B49" s="92"/>
      <c r="C49" s="96" t="s">
        <v>100</v>
      </c>
      <c r="D49" s="97" t="s">
        <v>20</v>
      </c>
      <c r="E49" s="98"/>
      <c r="F49" s="98"/>
      <c r="G49" s="97"/>
      <c r="H49" s="97"/>
      <c r="I49" s="25">
        <f t="shared" ref="I49:BH49" si="28">(I2&gt;=$E49)*AND(I2&lt;=$F49)</f>
        <v>0</v>
      </c>
      <c r="J49" s="25">
        <f t="shared" si="28"/>
        <v>0</v>
      </c>
      <c r="K49" s="25">
        <f t="shared" si="28"/>
        <v>0</v>
      </c>
      <c r="L49" s="25">
        <f t="shared" si="28"/>
        <v>0</v>
      </c>
      <c r="M49" s="25">
        <f t="shared" si="28"/>
        <v>0</v>
      </c>
      <c r="N49" s="25">
        <f t="shared" si="28"/>
        <v>0</v>
      </c>
      <c r="O49" s="25">
        <f t="shared" si="28"/>
        <v>0</v>
      </c>
      <c r="P49" s="25">
        <f t="shared" si="28"/>
        <v>0</v>
      </c>
      <c r="Q49" s="25">
        <f t="shared" si="28"/>
        <v>0</v>
      </c>
      <c r="R49" s="25">
        <f t="shared" si="28"/>
        <v>0</v>
      </c>
      <c r="S49" s="25">
        <f t="shared" si="28"/>
        <v>0</v>
      </c>
      <c r="T49" s="25">
        <f t="shared" si="28"/>
        <v>0</v>
      </c>
      <c r="U49" s="25">
        <f t="shared" si="28"/>
        <v>0</v>
      </c>
      <c r="V49" s="25">
        <f t="shared" si="28"/>
        <v>0</v>
      </c>
      <c r="W49" s="25">
        <f t="shared" si="28"/>
        <v>0</v>
      </c>
      <c r="X49" s="25">
        <f t="shared" si="28"/>
        <v>0</v>
      </c>
      <c r="Y49" s="25">
        <f t="shared" si="28"/>
        <v>0</v>
      </c>
      <c r="Z49" s="25">
        <f t="shared" si="28"/>
        <v>0</v>
      </c>
      <c r="AA49" s="25">
        <f t="shared" si="28"/>
        <v>0</v>
      </c>
      <c r="AB49" s="25">
        <f t="shared" si="28"/>
        <v>0</v>
      </c>
      <c r="AC49" s="25">
        <f t="shared" si="28"/>
        <v>0</v>
      </c>
      <c r="AD49" s="25">
        <f t="shared" si="28"/>
        <v>0</v>
      </c>
      <c r="AE49" s="25">
        <f t="shared" si="28"/>
        <v>0</v>
      </c>
      <c r="AF49" s="25">
        <f t="shared" si="28"/>
        <v>0</v>
      </c>
      <c r="AG49" s="25">
        <f t="shared" si="28"/>
        <v>0</v>
      </c>
      <c r="AH49" s="25">
        <f t="shared" si="28"/>
        <v>0</v>
      </c>
      <c r="AI49" s="25">
        <f t="shared" si="28"/>
        <v>0</v>
      </c>
      <c r="AJ49" s="25">
        <f t="shared" si="28"/>
        <v>0</v>
      </c>
      <c r="AK49" s="25">
        <f t="shared" si="28"/>
        <v>0</v>
      </c>
      <c r="AL49" s="25">
        <f t="shared" si="28"/>
        <v>0</v>
      </c>
      <c r="AM49" s="25">
        <f t="shared" si="28"/>
        <v>0</v>
      </c>
      <c r="AN49" s="25">
        <f t="shared" si="28"/>
        <v>0</v>
      </c>
      <c r="AO49" s="25">
        <f t="shared" si="28"/>
        <v>0</v>
      </c>
      <c r="AP49" s="25">
        <f t="shared" si="28"/>
        <v>0</v>
      </c>
      <c r="AQ49" s="25">
        <f t="shared" si="28"/>
        <v>0</v>
      </c>
      <c r="AR49" s="25">
        <f t="shared" si="28"/>
        <v>0</v>
      </c>
      <c r="AS49" s="25">
        <f t="shared" si="28"/>
        <v>0</v>
      </c>
      <c r="AT49" s="25">
        <f t="shared" si="28"/>
        <v>0</v>
      </c>
      <c r="AU49" s="25">
        <f t="shared" si="28"/>
        <v>0</v>
      </c>
      <c r="AV49" s="25">
        <f t="shared" si="28"/>
        <v>0</v>
      </c>
      <c r="AW49" s="25">
        <f t="shared" si="28"/>
        <v>0</v>
      </c>
      <c r="AX49" s="25">
        <f t="shared" si="28"/>
        <v>0</v>
      </c>
      <c r="AY49" s="25">
        <f t="shared" si="28"/>
        <v>0</v>
      </c>
      <c r="AZ49" s="25">
        <f t="shared" si="28"/>
        <v>0</v>
      </c>
      <c r="BA49" s="25">
        <f t="shared" si="28"/>
        <v>0</v>
      </c>
      <c r="BB49" s="25">
        <f t="shared" si="28"/>
        <v>0</v>
      </c>
      <c r="BC49" s="25">
        <f t="shared" si="28"/>
        <v>0</v>
      </c>
      <c r="BD49" s="25">
        <f t="shared" si="28"/>
        <v>0</v>
      </c>
      <c r="BE49" s="25">
        <f t="shared" si="28"/>
        <v>0</v>
      </c>
      <c r="BF49" s="25">
        <f t="shared" si="28"/>
        <v>0</v>
      </c>
      <c r="BG49" s="25">
        <f t="shared" si="28"/>
        <v>0</v>
      </c>
      <c r="BH49" s="26">
        <f t="shared" si="28"/>
        <v>0</v>
      </c>
    </row>
    <row r="50" spans="1:60" ht="30" customHeight="1">
      <c r="A50" s="111"/>
      <c r="B50" s="92"/>
      <c r="C50" s="96" t="s">
        <v>40</v>
      </c>
      <c r="D50" s="97" t="s">
        <v>20</v>
      </c>
      <c r="E50" s="98"/>
      <c r="F50" s="98"/>
      <c r="G50" s="97"/>
      <c r="H50" s="97"/>
      <c r="I50" s="25">
        <f t="shared" ref="I50:BH50" si="29">(I2&gt;=$E50)*AND(I2&lt;=$F50)</f>
        <v>0</v>
      </c>
      <c r="J50" s="25">
        <f t="shared" si="29"/>
        <v>0</v>
      </c>
      <c r="K50" s="25">
        <f t="shared" si="29"/>
        <v>0</v>
      </c>
      <c r="L50" s="25">
        <f t="shared" si="29"/>
        <v>0</v>
      </c>
      <c r="M50" s="25">
        <f t="shared" si="29"/>
        <v>0</v>
      </c>
      <c r="N50" s="25">
        <f t="shared" si="29"/>
        <v>0</v>
      </c>
      <c r="O50" s="25">
        <f t="shared" si="29"/>
        <v>0</v>
      </c>
      <c r="P50" s="25">
        <f t="shared" si="29"/>
        <v>0</v>
      </c>
      <c r="Q50" s="25">
        <f t="shared" si="29"/>
        <v>0</v>
      </c>
      <c r="R50" s="25">
        <f t="shared" si="29"/>
        <v>0</v>
      </c>
      <c r="S50" s="25">
        <f t="shared" si="29"/>
        <v>0</v>
      </c>
      <c r="T50" s="25">
        <f t="shared" si="29"/>
        <v>0</v>
      </c>
      <c r="U50" s="25">
        <f t="shared" si="29"/>
        <v>0</v>
      </c>
      <c r="V50" s="25">
        <f t="shared" si="29"/>
        <v>0</v>
      </c>
      <c r="W50" s="25">
        <f t="shared" si="29"/>
        <v>0</v>
      </c>
      <c r="X50" s="25">
        <f t="shared" si="29"/>
        <v>0</v>
      </c>
      <c r="Y50" s="25">
        <f t="shared" si="29"/>
        <v>0</v>
      </c>
      <c r="Z50" s="25">
        <f t="shared" si="29"/>
        <v>0</v>
      </c>
      <c r="AA50" s="25">
        <f t="shared" si="29"/>
        <v>0</v>
      </c>
      <c r="AB50" s="25">
        <f t="shared" si="29"/>
        <v>0</v>
      </c>
      <c r="AC50" s="25">
        <f t="shared" si="29"/>
        <v>0</v>
      </c>
      <c r="AD50" s="25">
        <f t="shared" si="29"/>
        <v>0</v>
      </c>
      <c r="AE50" s="25">
        <f t="shared" si="29"/>
        <v>0</v>
      </c>
      <c r="AF50" s="25">
        <f t="shared" si="29"/>
        <v>0</v>
      </c>
      <c r="AG50" s="25">
        <f t="shared" si="29"/>
        <v>0</v>
      </c>
      <c r="AH50" s="25">
        <f t="shared" si="29"/>
        <v>0</v>
      </c>
      <c r="AI50" s="25">
        <f t="shared" si="29"/>
        <v>0</v>
      </c>
      <c r="AJ50" s="25">
        <f t="shared" si="29"/>
        <v>0</v>
      </c>
      <c r="AK50" s="25">
        <f t="shared" si="29"/>
        <v>0</v>
      </c>
      <c r="AL50" s="25">
        <f t="shared" si="29"/>
        <v>0</v>
      </c>
      <c r="AM50" s="25">
        <f t="shared" si="29"/>
        <v>0</v>
      </c>
      <c r="AN50" s="25">
        <f t="shared" si="29"/>
        <v>0</v>
      </c>
      <c r="AO50" s="25">
        <f t="shared" si="29"/>
        <v>0</v>
      </c>
      <c r="AP50" s="25">
        <f t="shared" si="29"/>
        <v>0</v>
      </c>
      <c r="AQ50" s="25">
        <f t="shared" si="29"/>
        <v>0</v>
      </c>
      <c r="AR50" s="25">
        <f t="shared" si="29"/>
        <v>0</v>
      </c>
      <c r="AS50" s="25">
        <f t="shared" si="29"/>
        <v>0</v>
      </c>
      <c r="AT50" s="25">
        <f t="shared" si="29"/>
        <v>0</v>
      </c>
      <c r="AU50" s="25">
        <f t="shared" si="29"/>
        <v>0</v>
      </c>
      <c r="AV50" s="25">
        <f t="shared" si="29"/>
        <v>0</v>
      </c>
      <c r="AW50" s="25">
        <f t="shared" si="29"/>
        <v>0</v>
      </c>
      <c r="AX50" s="25">
        <f t="shared" si="29"/>
        <v>0</v>
      </c>
      <c r="AY50" s="25">
        <f t="shared" si="29"/>
        <v>0</v>
      </c>
      <c r="AZ50" s="25">
        <f t="shared" si="29"/>
        <v>0</v>
      </c>
      <c r="BA50" s="25">
        <f t="shared" si="29"/>
        <v>0</v>
      </c>
      <c r="BB50" s="25">
        <f t="shared" si="29"/>
        <v>0</v>
      </c>
      <c r="BC50" s="25">
        <f t="shared" si="29"/>
        <v>0</v>
      </c>
      <c r="BD50" s="25">
        <f t="shared" si="29"/>
        <v>0</v>
      </c>
      <c r="BE50" s="25">
        <f t="shared" si="29"/>
        <v>0</v>
      </c>
      <c r="BF50" s="25">
        <f t="shared" si="29"/>
        <v>0</v>
      </c>
      <c r="BG50" s="25">
        <f t="shared" si="29"/>
        <v>0</v>
      </c>
      <c r="BH50" s="26">
        <f t="shared" si="29"/>
        <v>0</v>
      </c>
    </row>
  </sheetData>
  <sheetProtection sheet="1" objects="1" scenarios="1" insertRows="0"/>
  <mergeCells count="22">
    <mergeCell ref="B42:B44"/>
    <mergeCell ref="A45:A50"/>
    <mergeCell ref="BE1:BH1"/>
    <mergeCell ref="A4:B7"/>
    <mergeCell ref="A9:A41"/>
    <mergeCell ref="B9:B11"/>
    <mergeCell ref="B12:B21"/>
    <mergeCell ref="B22:B31"/>
    <mergeCell ref="B32:B33"/>
    <mergeCell ref="B34:B41"/>
    <mergeCell ref="AD1:AH1"/>
    <mergeCell ref="AI1:AL1"/>
    <mergeCell ref="AM1:AQ1"/>
    <mergeCell ref="AR1:AU1"/>
    <mergeCell ref="AV1:AY1"/>
    <mergeCell ref="AZ1:BD1"/>
    <mergeCell ref="Z1:AC1"/>
    <mergeCell ref="A1:H2"/>
    <mergeCell ref="I1:L1"/>
    <mergeCell ref="M1:P1"/>
    <mergeCell ref="Q1:U1"/>
    <mergeCell ref="V1:Y1"/>
  </mergeCells>
  <conditionalFormatting sqref="D1:D1048576">
    <cfRule type="containsText" dxfId="179" priority="1" operator="containsText" text="Delayed">
      <formula>NOT(ISERROR(SEARCH("Delayed",D1)))</formula>
    </cfRule>
    <cfRule type="containsText" dxfId="178" priority="2" operator="containsText" text="In progress">
      <formula>NOT(ISERROR(SEARCH("In progress",D1)))</formula>
    </cfRule>
    <cfRule type="containsText" dxfId="177" priority="3" operator="containsText" text="Ongoing">
      <formula>NOT(ISERROR(SEARCH("Ongoing",D1)))</formula>
    </cfRule>
    <cfRule type="containsText" dxfId="176" priority="4" operator="containsText" text="Planned">
      <formula>NOT(ISERROR(SEARCH("Planned",D1)))</formula>
    </cfRule>
    <cfRule type="containsText" dxfId="175" priority="5" operator="containsText" text="Not started">
      <formula>NOT(ISERROR(SEARCH("Not started",D1)))</formula>
    </cfRule>
    <cfRule type="containsText" dxfId="174" priority="6" operator="containsText" text="Completed">
      <formula>NOT(ISERROR(SEARCH("Completed",D1)))</formula>
    </cfRule>
  </conditionalFormatting>
  <conditionalFormatting sqref="I13:I36 J13:BH13 J25:BH27 J29:BH29 J32:BH36 I39:BH50">
    <cfRule type="expression" dxfId="173" priority="53">
      <formula>AND(#REF!=#REF!,I13= 1)</formula>
    </cfRule>
  </conditionalFormatting>
  <conditionalFormatting sqref="I4:BH5 J13:BH32">
    <cfRule type="expression" dxfId="172" priority="70">
      <formula>AND(#REF!=#REF!,I4&gt;=1)</formula>
    </cfRule>
    <cfRule type="expression" dxfId="171" priority="71">
      <formula>AND(#REF!=#REF!,I4= 1)</formula>
    </cfRule>
    <cfRule type="expression" dxfId="170" priority="72">
      <formula>AND(#REF!=#REF!,I4&gt;=1)</formula>
    </cfRule>
    <cfRule type="expression" dxfId="169" priority="73">
      <formula>AND(J4&gt;=#REF!, J4&lt;=#REF!)</formula>
    </cfRule>
  </conditionalFormatting>
  <conditionalFormatting sqref="I4:BH7">
    <cfRule type="expression" dxfId="168" priority="69">
      <formula>AND(I4= 1)</formula>
    </cfRule>
  </conditionalFormatting>
  <conditionalFormatting sqref="I6:BH6">
    <cfRule type="expression" dxfId="167" priority="60">
      <formula>AND(J6&gt;=#REF!, J6&lt;=#REF!)</formula>
    </cfRule>
    <cfRule type="expression" dxfId="166" priority="30">
      <formula>AND(J6&gt;=#REF!, J6&lt;=#REF!)</formula>
    </cfRule>
    <cfRule type="expression" dxfId="165" priority="29">
      <formula>AND(#REF!=#REF!,I6&gt;=1)</formula>
    </cfRule>
    <cfRule type="expression" dxfId="164" priority="59">
      <formula>AND(#REF!=#REF!,I6&gt;=1)</formula>
    </cfRule>
    <cfRule type="expression" dxfId="163" priority="58">
      <formula>AND(#REF!=#REF!,I6= 1)</formula>
    </cfRule>
    <cfRule type="expression" dxfId="162" priority="57">
      <formula>AND(#REF!=#REF!,I6&gt;=1)</formula>
    </cfRule>
    <cfRule type="expression" dxfId="161" priority="56">
      <formula>AND(I6= 1)</formula>
    </cfRule>
    <cfRule type="expression" dxfId="160" priority="28">
      <formula>AND(#REF!=#REF!,I6= 1)</formula>
    </cfRule>
  </conditionalFormatting>
  <conditionalFormatting sqref="I6:BH7 I13:I36 J32:BH36 I39:BH50 J25:BH25 J29:BH29">
    <cfRule type="expression" dxfId="159" priority="26">
      <formula>AND(#REF!=#REF!,I6&gt;=1)</formula>
    </cfRule>
  </conditionalFormatting>
  <conditionalFormatting sqref="I7:BH7">
    <cfRule type="expression" dxfId="158" priority="27">
      <formula>AND(J7&gt;=#REF!, J7&lt;=#REF!)</formula>
    </cfRule>
    <cfRule type="expression" dxfId="157" priority="22">
      <formula>AND(J7&gt;=#REF!, J7&lt;=#REF!)</formula>
    </cfRule>
    <cfRule type="expression" dxfId="156" priority="23">
      <formula>AND(I7= 1)</formula>
    </cfRule>
    <cfRule type="expression" dxfId="155" priority="24">
      <formula>AND(#REF!=#REF!,I7&gt;=1)</formula>
    </cfRule>
    <cfRule type="expression" dxfId="154" priority="25">
      <formula>AND(#REF!=#REF!,I7= 1)</formula>
    </cfRule>
    <cfRule type="expression" dxfId="153" priority="63">
      <formula>AND(#REF!=#REF!,I7= 1)</formula>
    </cfRule>
    <cfRule type="expression" dxfId="152" priority="62">
      <formula>AND(#REF!=#REF!,I7&gt;=1)</formula>
    </cfRule>
    <cfRule type="expression" dxfId="151" priority="64">
      <formula>AND(#REF!=#REF!,I7&gt;=1)</formula>
    </cfRule>
    <cfRule type="expression" dxfId="150" priority="65">
      <formula>AND(J7&gt;=#REF!, J7&lt;=#REF!)</formula>
    </cfRule>
    <cfRule type="expression" dxfId="149" priority="21">
      <formula>AND(#REF!=#REF!,I7&gt;=1)</formula>
    </cfRule>
    <cfRule type="expression" dxfId="148" priority="61">
      <formula>AND(I7= 1)</formula>
    </cfRule>
    <cfRule type="expression" dxfId="147" priority="20">
      <formula>AND(#REF!=#REF!,I7= 1)</formula>
    </cfRule>
  </conditionalFormatting>
  <conditionalFormatting sqref="I7:BH8">
    <cfRule type="expression" dxfId="146" priority="10">
      <formula>AND(#REF!=#REF!,I7&gt;=1)</formula>
    </cfRule>
  </conditionalFormatting>
  <conditionalFormatting sqref="I8:BH8">
    <cfRule type="expression" dxfId="145" priority="9">
      <formula>AND(#REF!=#REF!,I8= 1)</formula>
    </cfRule>
    <cfRule type="expression" dxfId="144" priority="11">
      <formula>AND(J8&gt;=#REF!, J8&lt;=#REF!)</formula>
    </cfRule>
    <cfRule type="expression" dxfId="143" priority="8">
      <formula>AND(#REF!=#REF!,I8&gt;=1)</formula>
    </cfRule>
  </conditionalFormatting>
  <conditionalFormatting sqref="I8:BH11">
    <cfRule type="expression" dxfId="142" priority="7">
      <formula>AND(I8= 1)</formula>
    </cfRule>
  </conditionalFormatting>
  <conditionalFormatting sqref="I9:BH11 I29:BH29 BD37:BH38">
    <cfRule type="expression" dxfId="141" priority="82">
      <formula>AND(#REF!=#REF!,I9&gt;=1)</formula>
    </cfRule>
    <cfRule type="expression" dxfId="140" priority="84">
      <formula>AND(J9&gt;=#REF!, J9&lt;=#REF!)</formula>
    </cfRule>
  </conditionalFormatting>
  <conditionalFormatting sqref="I9:BH12">
    <cfRule type="expression" dxfId="139" priority="67">
      <formula>AND(#REF!=#REF!,I9&gt;=1)</formula>
    </cfRule>
  </conditionalFormatting>
  <conditionalFormatting sqref="I12:BH12">
    <cfRule type="expression" dxfId="138" priority="66">
      <formula>AND(#REF!=#REF!,I12= 1)</formula>
    </cfRule>
    <cfRule type="expression" dxfId="137" priority="68">
      <formula>AND(J12&gt;=#REF!, J12&lt;=#REF!)</formula>
    </cfRule>
  </conditionalFormatting>
  <conditionalFormatting sqref="I12:BH13">
    <cfRule type="expression" dxfId="136" priority="54">
      <formula>AND(#REF!=#REF!,I12&gt;=1)</formula>
    </cfRule>
  </conditionalFormatting>
  <conditionalFormatting sqref="I12:BH21">
    <cfRule type="expression" dxfId="135" priority="31">
      <formula>AND(I12= 1)</formula>
    </cfRule>
  </conditionalFormatting>
  <conditionalFormatting sqref="I13:BH13 I14:I36 J25:BH27 J29:BH29 J32:BH36 I39:BH50">
    <cfRule type="expression" dxfId="134" priority="55">
      <formula>AND(J13&gt;=#REF!, J13&lt;=#REF!)</formula>
    </cfRule>
  </conditionalFormatting>
  <conditionalFormatting sqref="I13:BH14">
    <cfRule type="expression" dxfId="133" priority="51">
      <formula>AND(#REF!=#REF!,I13&gt;=1)</formula>
    </cfRule>
  </conditionalFormatting>
  <conditionalFormatting sqref="I14:BH14">
    <cfRule type="expression" dxfId="132" priority="50">
      <formula>AND(#REF!=#REF!,I14= 1)</formula>
    </cfRule>
    <cfRule type="expression" dxfId="131" priority="52">
      <formula>AND(J14&gt;=#REF!, J14&lt;=#REF!)</formula>
    </cfRule>
  </conditionalFormatting>
  <conditionalFormatting sqref="I14:BH15">
    <cfRule type="expression" dxfId="130" priority="48">
      <formula>AND(#REF!=#REF!,I14&gt;=1)</formula>
    </cfRule>
  </conditionalFormatting>
  <conditionalFormatting sqref="I15:BH15">
    <cfRule type="expression" dxfId="129" priority="49">
      <formula>AND(J15&gt;=#REF!, J15&lt;=#REF!)</formula>
    </cfRule>
    <cfRule type="expression" dxfId="128" priority="47">
      <formula>AND(#REF!=#REF!,I15= 1)</formula>
    </cfRule>
  </conditionalFormatting>
  <conditionalFormatting sqref="I15:BH16">
    <cfRule type="expression" dxfId="127" priority="45">
      <formula>AND(#REF!=#REF!,I15&gt;=1)</formula>
    </cfRule>
  </conditionalFormatting>
  <conditionalFormatting sqref="I16:BH16">
    <cfRule type="expression" dxfId="126" priority="42">
      <formula>AND(J16&gt;=#REF!, J16&lt;=#REF!)</formula>
    </cfRule>
    <cfRule type="expression" dxfId="125" priority="43">
      <formula>AND(#REF!=#REF!,I16&gt;=1)</formula>
    </cfRule>
    <cfRule type="expression" dxfId="124" priority="44">
      <formula>AND(#REF!=#REF!,I16= 1)</formula>
    </cfRule>
    <cfRule type="expression" dxfId="123" priority="46">
      <formula>AND(J16&gt;=#REF!, J16&lt;=#REF!)</formula>
    </cfRule>
    <cfRule type="expression" dxfId="122" priority="40">
      <formula>AND(#REF!=#REF!,I16= 1)</formula>
    </cfRule>
    <cfRule type="expression" dxfId="121" priority="41">
      <formula>AND(#REF!=#REF!,I16&gt;=1)</formula>
    </cfRule>
  </conditionalFormatting>
  <conditionalFormatting sqref="I16:BH17">
    <cfRule type="expression" dxfId="120" priority="38">
      <formula>AND(#REF!=#REF!,I16&gt;=1)</formula>
    </cfRule>
  </conditionalFormatting>
  <conditionalFormatting sqref="I17:BH17">
    <cfRule type="expression" dxfId="119" priority="39">
      <formula>AND(J17&gt;=#REF!, J17&lt;=#REF!)</formula>
    </cfRule>
    <cfRule type="expression" dxfId="118" priority="37">
      <formula>AND(#REF!=#REF!,I17= 1)</formula>
    </cfRule>
    <cfRule type="expression" dxfId="117" priority="36">
      <formula>AND(#REF!=#REF!,I17&gt;=1)</formula>
    </cfRule>
    <cfRule type="expression" dxfId="116" priority="35">
      <formula>AND(J17&gt;=#REF!, J17&lt;=#REF!)</formula>
    </cfRule>
    <cfRule type="expression" dxfId="115" priority="33">
      <formula>AND(#REF!=#REF!,I17= 1)</formula>
    </cfRule>
    <cfRule type="expression" dxfId="114" priority="32">
      <formula>AND(#REF!=#REF!,I17&gt;=1)</formula>
    </cfRule>
    <cfRule type="expression" dxfId="113" priority="34">
      <formula>AND(#REF!=#REF!,I17&gt;=1)</formula>
    </cfRule>
  </conditionalFormatting>
  <conditionalFormatting sqref="I22:BH33">
    <cfRule type="expression" dxfId="112" priority="17">
      <formula>AND(I22= 1)</formula>
    </cfRule>
  </conditionalFormatting>
  <conditionalFormatting sqref="I29:BH29 BD37:BH38 I9:BH11">
    <cfRule type="expression" dxfId="111" priority="81">
      <formula>AND(#REF!=#REF!,I9= 1)</formula>
    </cfRule>
  </conditionalFormatting>
  <conditionalFormatting sqref="I32:BH33">
    <cfRule type="expression" dxfId="110" priority="16">
      <formula>AND(I32= 1)</formula>
    </cfRule>
  </conditionalFormatting>
  <conditionalFormatting sqref="I34:BH36 BD37:BH38 I39:BH41">
    <cfRule type="expression" dxfId="109" priority="19">
      <formula>AND(I34= 1)</formula>
    </cfRule>
    <cfRule type="expression" dxfId="108" priority="18">
      <formula>AND(I34= 1)</formula>
    </cfRule>
  </conditionalFormatting>
  <conditionalFormatting sqref="I42:BH44">
    <cfRule type="expression" dxfId="107" priority="15">
      <formula>AND(I42= 1)</formula>
    </cfRule>
    <cfRule type="expression" dxfId="106" priority="14">
      <formula>AND(I42= 1)</formula>
    </cfRule>
  </conditionalFormatting>
  <conditionalFormatting sqref="I45:BH46">
    <cfRule type="expression" dxfId="105" priority="13">
      <formula>AND(I45= 1)</formula>
    </cfRule>
  </conditionalFormatting>
  <conditionalFormatting sqref="I45:BH50">
    <cfRule type="expression" dxfId="104" priority="12">
      <formula>AND(I45= 1)</formula>
    </cfRule>
  </conditionalFormatting>
  <conditionalFormatting sqref="J33:AM33 AT33:BH33">
    <cfRule type="expression" dxfId="103" priority="78">
      <formula>AND(#REF!=#REF!,J33= 1)</formula>
    </cfRule>
  </conditionalFormatting>
  <conditionalFormatting sqref="J40:AR40 AT40:BG40">
    <cfRule type="expression" dxfId="102" priority="74">
      <formula>AND(#REF!=#REF!,J40= 1)</formula>
    </cfRule>
    <cfRule type="expression" dxfId="101" priority="75">
      <formula>AND(#REF!=#REF!,J40&gt;=1)</formula>
    </cfRule>
  </conditionalFormatting>
  <conditionalFormatting sqref="J26:BH27 I29:BH29 BD37:BH38">
    <cfRule type="expression" dxfId="100" priority="79">
      <formula>AND(#REF!=#REF!,I26&gt;=1)</formula>
    </cfRule>
  </conditionalFormatting>
  <conditionalFormatting sqref="J33:BH33 J41:BH44">
    <cfRule type="expression" dxfId="99" priority="86">
      <formula>AND(K33&gt;=$D$4, K33&lt;=$E$4)</formula>
    </cfRule>
  </conditionalFormatting>
  <conditionalFormatting sqref="J33:BH33">
    <cfRule type="expression" dxfId="98" priority="85">
      <formula>AND(#REF!=#REF!,J33&gt;=1)</formula>
    </cfRule>
  </conditionalFormatting>
  <conditionalFormatting sqref="J39:BH39 AS40">
    <cfRule type="expression" dxfId="97" priority="77">
      <formula>AND(#REF!=#REF!,J39&gt;=1)</formula>
    </cfRule>
    <cfRule type="expression" dxfId="96" priority="76">
      <formula>AND(#REF!=#REF!,J39= 1)</formula>
    </cfRule>
  </conditionalFormatting>
  <conditionalFormatting sqref="J49:BH50">
    <cfRule type="expression" dxfId="95" priority="80">
      <formula>AND(#REF!=#REF!,J49&gt;=1)</formula>
    </cfRule>
    <cfRule type="expression" dxfId="94" priority="83">
      <formula>AND(#REF!=#REF!,J49= 1)</formula>
    </cfRule>
  </conditionalFormatting>
  <dataValidations count="3">
    <dataValidation type="custom" errorStyle="warning" allowBlank="1" showInputMessage="1" showErrorMessage="1" errorTitle="Invalid date" error="Please enter a valid date in 2026 (dd/mm/yyyy) that is after the start date" sqref="F4:F50" xr:uid="{9ED900B6-3F05-4068-BBC6-4CB47D45A740}">
      <formula1>OR(F4="", AND(ISNUMBER(F4), F4&gt;=DATE(2026,1,1), F4&lt;=DATE(2026,12,31), F4&gt;=E4))</formula1>
    </dataValidation>
    <dataValidation type="date" errorStyle="warning" allowBlank="1" showInputMessage="1" showErrorMessage="1" errorTitle="Invalid Date" error="Please enter a valid date in 2026 (dd/mm/yyyy)" sqref="E4:E50" xr:uid="{C30FC401-6B46-4BCF-A5D9-87CB504606D9}">
      <formula1>46023</formula1>
      <formula2>46387</formula2>
    </dataValidation>
    <dataValidation type="list" allowBlank="1" showInputMessage="1" showErrorMessage="1" sqref="D4:D50" xr:uid="{1E6D402F-B235-4CB4-A952-917701DF6E9C}">
      <formula1>"Not started, Planned, In progress, Ongoing, Delayed, Completed"</formula1>
    </dataValidation>
  </dataValidations>
  <pageMargins left="0.7" right="0.7" top="0.75" bottom="0.75" header="0.3" footer="0.3"/>
  <pageSetup paperSize="9" orientation="portrait" r:id="rId1"/>
  <drawing r:id="rId2"/>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F14B7A1-AB0B-4B9E-8D60-73AB4FE0BDD5}">
  <sheetPr>
    <tabColor theme="9" tint="0.79998168889431442"/>
  </sheetPr>
  <dimension ref="A1:XEQ50"/>
  <sheetViews>
    <sheetView zoomScale="70" zoomScaleNormal="70" workbookViewId="0">
      <pane xSplit="8" ySplit="3" topLeftCell="I4" activePane="bottomRight" state="frozen"/>
      <selection pane="bottomRight" activeCell="E6" sqref="E6"/>
      <selection pane="bottomLeft" activeCell="A4" sqref="A4"/>
      <selection pane="topRight" activeCell="I1" sqref="I1"/>
    </sheetView>
  </sheetViews>
  <sheetFormatPr defaultColWidth="8.625" defaultRowHeight="15.6"/>
  <cols>
    <col min="1" max="2" width="8.625" style="99" customWidth="1"/>
    <col min="3" max="3" width="47.875" style="99" customWidth="1"/>
    <col min="4" max="4" width="17.625" style="99" customWidth="1"/>
    <col min="5" max="5" width="13.625" style="100" customWidth="1"/>
    <col min="6" max="6" width="11.125" style="100" bestFit="1" customWidth="1"/>
    <col min="7" max="7" width="25.5" style="100" customWidth="1"/>
    <col min="8" max="8" width="59.125" style="100" customWidth="1"/>
    <col min="9" max="60" width="4.25" style="1" customWidth="1"/>
    <col min="61" max="16384" width="8.625" style="1"/>
  </cols>
  <sheetData>
    <row r="1" spans="1:60" ht="19.5" customHeight="1" thickBot="1">
      <c r="A1" s="106" t="s">
        <v>42</v>
      </c>
      <c r="B1" s="106"/>
      <c r="C1" s="106"/>
      <c r="D1" s="106"/>
      <c r="E1" s="106"/>
      <c r="F1" s="106"/>
      <c r="G1" s="106"/>
      <c r="H1" s="107"/>
      <c r="I1" s="104">
        <v>46023</v>
      </c>
      <c r="J1" s="105"/>
      <c r="K1" s="105"/>
      <c r="L1" s="108"/>
      <c r="M1" s="104">
        <v>46054</v>
      </c>
      <c r="N1" s="105"/>
      <c r="O1" s="105"/>
      <c r="P1" s="108"/>
      <c r="Q1" s="104">
        <v>46082</v>
      </c>
      <c r="R1" s="105"/>
      <c r="S1" s="105"/>
      <c r="T1" s="105"/>
      <c r="U1" s="108"/>
      <c r="V1" s="104">
        <v>46113</v>
      </c>
      <c r="W1" s="105"/>
      <c r="X1" s="105"/>
      <c r="Y1" s="108"/>
      <c r="Z1" s="104">
        <v>46143</v>
      </c>
      <c r="AA1" s="105"/>
      <c r="AB1" s="105"/>
      <c r="AC1" s="105"/>
      <c r="AD1" s="104">
        <v>46174</v>
      </c>
      <c r="AE1" s="124"/>
      <c r="AF1" s="124"/>
      <c r="AG1" s="124"/>
      <c r="AH1" s="125"/>
      <c r="AI1" s="104">
        <v>46204</v>
      </c>
      <c r="AJ1" s="105"/>
      <c r="AK1" s="105"/>
      <c r="AL1" s="105"/>
      <c r="AM1" s="104">
        <v>46235</v>
      </c>
      <c r="AN1" s="124"/>
      <c r="AO1" s="124"/>
      <c r="AP1" s="124"/>
      <c r="AQ1" s="125"/>
      <c r="AR1" s="104">
        <v>46266</v>
      </c>
      <c r="AS1" s="105"/>
      <c r="AT1" s="105"/>
      <c r="AU1" s="105"/>
      <c r="AV1" s="104">
        <v>46296</v>
      </c>
      <c r="AW1" s="105"/>
      <c r="AX1" s="105"/>
      <c r="AY1" s="105"/>
      <c r="AZ1" s="104">
        <v>46327</v>
      </c>
      <c r="BA1" s="124"/>
      <c r="BB1" s="124"/>
      <c r="BC1" s="124"/>
      <c r="BD1" s="125"/>
      <c r="BE1" s="112">
        <v>46357</v>
      </c>
      <c r="BF1" s="113"/>
      <c r="BG1" s="113"/>
      <c r="BH1" s="114"/>
    </row>
    <row r="2" spans="1:60" ht="65.45">
      <c r="A2" s="106"/>
      <c r="B2" s="106"/>
      <c r="C2" s="106"/>
      <c r="D2" s="106"/>
      <c r="E2" s="106"/>
      <c r="F2" s="106"/>
      <c r="G2" s="106"/>
      <c r="H2" s="107"/>
      <c r="I2" s="5">
        <v>46027</v>
      </c>
      <c r="J2" s="6">
        <v>46034</v>
      </c>
      <c r="K2" s="6">
        <v>46041</v>
      </c>
      <c r="L2" s="7">
        <v>46048</v>
      </c>
      <c r="M2" s="5">
        <v>46055</v>
      </c>
      <c r="N2" s="6">
        <v>46062</v>
      </c>
      <c r="O2" s="6">
        <v>46069</v>
      </c>
      <c r="P2" s="7">
        <v>46076</v>
      </c>
      <c r="Q2" s="5">
        <v>46083</v>
      </c>
      <c r="R2" s="6">
        <v>46090</v>
      </c>
      <c r="S2" s="6">
        <v>46097</v>
      </c>
      <c r="T2" s="6">
        <v>46104</v>
      </c>
      <c r="U2" s="7">
        <v>46111</v>
      </c>
      <c r="V2" s="5">
        <v>46118</v>
      </c>
      <c r="W2" s="6">
        <v>46125</v>
      </c>
      <c r="X2" s="6">
        <v>46132</v>
      </c>
      <c r="Y2" s="7">
        <v>46139</v>
      </c>
      <c r="Z2" s="5">
        <v>46146</v>
      </c>
      <c r="AA2" s="6">
        <v>46153</v>
      </c>
      <c r="AB2" s="6">
        <v>46160</v>
      </c>
      <c r="AC2" s="6">
        <v>46167</v>
      </c>
      <c r="AD2" s="5">
        <v>46174</v>
      </c>
      <c r="AE2" s="6">
        <v>46181</v>
      </c>
      <c r="AF2" s="6">
        <v>46188</v>
      </c>
      <c r="AG2" s="7">
        <v>46195</v>
      </c>
      <c r="AH2" s="8">
        <v>46202</v>
      </c>
      <c r="AI2" s="5">
        <v>46209</v>
      </c>
      <c r="AJ2" s="6">
        <v>46216</v>
      </c>
      <c r="AK2" s="6">
        <v>46223</v>
      </c>
      <c r="AL2" s="7">
        <v>46230</v>
      </c>
      <c r="AM2" s="5">
        <v>46237</v>
      </c>
      <c r="AN2" s="6">
        <v>46244</v>
      </c>
      <c r="AO2" s="6">
        <v>46251</v>
      </c>
      <c r="AP2" s="7">
        <v>46258</v>
      </c>
      <c r="AQ2" s="8">
        <v>46265</v>
      </c>
      <c r="AR2" s="5">
        <v>46272</v>
      </c>
      <c r="AS2" s="6">
        <v>46279</v>
      </c>
      <c r="AT2" s="6">
        <v>46286</v>
      </c>
      <c r="AU2" s="7">
        <v>46293</v>
      </c>
      <c r="AV2" s="8">
        <v>46300</v>
      </c>
      <c r="AW2" s="5">
        <v>46307</v>
      </c>
      <c r="AX2" s="6">
        <v>46314</v>
      </c>
      <c r="AY2" s="6">
        <v>46321</v>
      </c>
      <c r="AZ2" s="7">
        <v>46328</v>
      </c>
      <c r="BA2" s="5">
        <v>46335</v>
      </c>
      <c r="BB2" s="6">
        <v>46342</v>
      </c>
      <c r="BC2" s="6">
        <v>46349</v>
      </c>
      <c r="BD2" s="7">
        <v>46356</v>
      </c>
      <c r="BE2" s="29">
        <v>46363</v>
      </c>
      <c r="BF2" s="30">
        <v>46370</v>
      </c>
      <c r="BG2" s="31">
        <v>46377</v>
      </c>
      <c r="BH2" s="31">
        <v>46384</v>
      </c>
    </row>
    <row r="3" spans="1:60" ht="30" customHeight="1">
      <c r="A3" s="49" t="s">
        <v>43</v>
      </c>
      <c r="B3" s="49" t="s">
        <v>44</v>
      </c>
      <c r="C3" s="50" t="s">
        <v>45</v>
      </c>
      <c r="D3" s="49" t="s">
        <v>24</v>
      </c>
      <c r="E3" s="49" t="s">
        <v>46</v>
      </c>
      <c r="F3" s="49" t="s">
        <v>47</v>
      </c>
      <c r="G3" s="49" t="s">
        <v>48</v>
      </c>
      <c r="H3" s="49" t="s">
        <v>49</v>
      </c>
      <c r="I3" s="2">
        <v>1</v>
      </c>
      <c r="J3" s="2">
        <v>2</v>
      </c>
      <c r="K3" s="2">
        <v>3</v>
      </c>
      <c r="L3" s="2">
        <v>4</v>
      </c>
      <c r="M3" s="2">
        <v>5</v>
      </c>
      <c r="N3" s="2">
        <v>6</v>
      </c>
      <c r="O3" s="2">
        <v>7</v>
      </c>
      <c r="P3" s="2">
        <v>8</v>
      </c>
      <c r="Q3" s="2">
        <v>9</v>
      </c>
      <c r="R3" s="2">
        <v>10</v>
      </c>
      <c r="S3" s="2">
        <v>11</v>
      </c>
      <c r="T3" s="2">
        <v>12</v>
      </c>
      <c r="U3" s="2">
        <v>13</v>
      </c>
      <c r="V3" s="2">
        <v>14</v>
      </c>
      <c r="W3" s="2">
        <v>15</v>
      </c>
      <c r="X3" s="2">
        <v>16</v>
      </c>
      <c r="Y3" s="2">
        <v>17</v>
      </c>
      <c r="Z3" s="2">
        <v>18</v>
      </c>
      <c r="AA3" s="2">
        <v>19</v>
      </c>
      <c r="AB3" s="2">
        <v>20</v>
      </c>
      <c r="AC3" s="2">
        <v>21</v>
      </c>
      <c r="AD3" s="2">
        <v>22</v>
      </c>
      <c r="AE3" s="2">
        <v>23</v>
      </c>
      <c r="AF3" s="2">
        <v>24</v>
      </c>
      <c r="AG3" s="2">
        <v>25</v>
      </c>
      <c r="AH3" s="2">
        <v>26</v>
      </c>
      <c r="AI3" s="2">
        <v>27</v>
      </c>
      <c r="AJ3" s="2">
        <v>28</v>
      </c>
      <c r="AK3" s="2">
        <v>29</v>
      </c>
      <c r="AL3" s="2">
        <v>30</v>
      </c>
      <c r="AM3" s="2">
        <v>31</v>
      </c>
      <c r="AN3" s="2">
        <v>32</v>
      </c>
      <c r="AO3" s="2">
        <v>33</v>
      </c>
      <c r="AP3" s="2">
        <v>34</v>
      </c>
      <c r="AQ3" s="2">
        <v>35</v>
      </c>
      <c r="AR3" s="2">
        <v>36</v>
      </c>
      <c r="AS3" s="2">
        <v>37</v>
      </c>
      <c r="AT3" s="2">
        <v>38</v>
      </c>
      <c r="AU3" s="2">
        <v>39</v>
      </c>
      <c r="AV3" s="2">
        <v>40</v>
      </c>
      <c r="AW3" s="2">
        <v>41</v>
      </c>
      <c r="AX3" s="2">
        <v>42</v>
      </c>
      <c r="AY3" s="2">
        <v>43</v>
      </c>
      <c r="AZ3" s="2">
        <v>44</v>
      </c>
      <c r="BA3" s="2">
        <v>45</v>
      </c>
      <c r="BB3" s="2">
        <v>46</v>
      </c>
      <c r="BC3" s="2">
        <v>47</v>
      </c>
      <c r="BD3" s="2">
        <v>48</v>
      </c>
      <c r="BE3" s="2">
        <v>49</v>
      </c>
      <c r="BF3" s="2">
        <v>50</v>
      </c>
      <c r="BG3" s="2">
        <v>51</v>
      </c>
      <c r="BH3" s="2">
        <v>52</v>
      </c>
    </row>
    <row r="4" spans="1:60" ht="30" customHeight="1">
      <c r="A4" s="115" t="s">
        <v>50</v>
      </c>
      <c r="B4" s="116"/>
      <c r="C4" s="51" t="s">
        <v>51</v>
      </c>
      <c r="D4" s="52" t="s">
        <v>101</v>
      </c>
      <c r="E4" s="53"/>
      <c r="F4" s="53"/>
      <c r="G4" s="54"/>
      <c r="H4" s="55"/>
      <c r="I4" s="25">
        <f>(I$2&gt;=$E4)*AND(I$2&lt;=$F4)</f>
        <v>0</v>
      </c>
      <c r="J4" s="25">
        <f t="shared" ref="J4:AO4" si="0">(J2&gt;=$E4)*AND(J2&lt;=$F4)</f>
        <v>0</v>
      </c>
      <c r="K4" s="25">
        <f t="shared" si="0"/>
        <v>0</v>
      </c>
      <c r="L4" s="25">
        <f t="shared" si="0"/>
        <v>0</v>
      </c>
      <c r="M4" s="25">
        <f t="shared" si="0"/>
        <v>0</v>
      </c>
      <c r="N4" s="25">
        <f t="shared" si="0"/>
        <v>0</v>
      </c>
      <c r="O4" s="25">
        <f t="shared" si="0"/>
        <v>0</v>
      </c>
      <c r="P4" s="25">
        <f t="shared" si="0"/>
        <v>0</v>
      </c>
      <c r="Q4" s="25">
        <f t="shared" si="0"/>
        <v>0</v>
      </c>
      <c r="R4" s="25">
        <f t="shared" si="0"/>
        <v>0</v>
      </c>
      <c r="S4" s="25">
        <f t="shared" si="0"/>
        <v>0</v>
      </c>
      <c r="T4" s="25">
        <f t="shared" si="0"/>
        <v>0</v>
      </c>
      <c r="U4" s="25">
        <f t="shared" si="0"/>
        <v>0</v>
      </c>
      <c r="V4" s="25">
        <f t="shared" si="0"/>
        <v>0</v>
      </c>
      <c r="W4" s="25">
        <f t="shared" si="0"/>
        <v>0</v>
      </c>
      <c r="X4" s="25">
        <f t="shared" si="0"/>
        <v>0</v>
      </c>
      <c r="Y4" s="25">
        <f t="shared" si="0"/>
        <v>0</v>
      </c>
      <c r="Z4" s="25">
        <f t="shared" si="0"/>
        <v>0</v>
      </c>
      <c r="AA4" s="25">
        <f t="shared" si="0"/>
        <v>0</v>
      </c>
      <c r="AB4" s="25">
        <f t="shared" si="0"/>
        <v>0</v>
      </c>
      <c r="AC4" s="25">
        <f t="shared" si="0"/>
        <v>0</v>
      </c>
      <c r="AD4" s="25">
        <f t="shared" si="0"/>
        <v>0</v>
      </c>
      <c r="AE4" s="25">
        <f t="shared" si="0"/>
        <v>0</v>
      </c>
      <c r="AF4" s="25">
        <f t="shared" si="0"/>
        <v>0</v>
      </c>
      <c r="AG4" s="25">
        <f t="shared" si="0"/>
        <v>0</v>
      </c>
      <c r="AH4" s="25">
        <f t="shared" si="0"/>
        <v>0</v>
      </c>
      <c r="AI4" s="25">
        <f t="shared" si="0"/>
        <v>0</v>
      </c>
      <c r="AJ4" s="25">
        <f t="shared" si="0"/>
        <v>0</v>
      </c>
      <c r="AK4" s="25">
        <f t="shared" si="0"/>
        <v>0</v>
      </c>
      <c r="AL4" s="25">
        <f t="shared" si="0"/>
        <v>0</v>
      </c>
      <c r="AM4" s="25">
        <f t="shared" si="0"/>
        <v>0</v>
      </c>
      <c r="AN4" s="25">
        <f t="shared" si="0"/>
        <v>0</v>
      </c>
      <c r="AO4" s="25">
        <f t="shared" si="0"/>
        <v>0</v>
      </c>
      <c r="AP4" s="25">
        <f t="shared" ref="AP4:BH4" si="1">(AP2&gt;=$E4)*AND(AP2&lt;=$F4)</f>
        <v>0</v>
      </c>
      <c r="AQ4" s="25">
        <f t="shared" si="1"/>
        <v>0</v>
      </c>
      <c r="AR4" s="25">
        <f t="shared" si="1"/>
        <v>0</v>
      </c>
      <c r="AS4" s="25">
        <f t="shared" si="1"/>
        <v>0</v>
      </c>
      <c r="AT4" s="25">
        <f t="shared" si="1"/>
        <v>0</v>
      </c>
      <c r="AU4" s="25">
        <f t="shared" si="1"/>
        <v>0</v>
      </c>
      <c r="AV4" s="25">
        <f t="shared" si="1"/>
        <v>0</v>
      </c>
      <c r="AW4" s="25">
        <f t="shared" si="1"/>
        <v>0</v>
      </c>
      <c r="AX4" s="25">
        <f t="shared" si="1"/>
        <v>0</v>
      </c>
      <c r="AY4" s="25">
        <f t="shared" si="1"/>
        <v>0</v>
      </c>
      <c r="AZ4" s="25">
        <f t="shared" si="1"/>
        <v>0</v>
      </c>
      <c r="BA4" s="25">
        <f t="shared" si="1"/>
        <v>0</v>
      </c>
      <c r="BB4" s="25">
        <f t="shared" si="1"/>
        <v>0</v>
      </c>
      <c r="BC4" s="25">
        <f t="shared" si="1"/>
        <v>0</v>
      </c>
      <c r="BD4" s="25">
        <f t="shared" si="1"/>
        <v>0</v>
      </c>
      <c r="BE4" s="25">
        <f t="shared" si="1"/>
        <v>0</v>
      </c>
      <c r="BF4" s="25">
        <f t="shared" si="1"/>
        <v>0</v>
      </c>
      <c r="BG4" s="25">
        <f t="shared" si="1"/>
        <v>0</v>
      </c>
      <c r="BH4" s="26">
        <f t="shared" si="1"/>
        <v>0</v>
      </c>
    </row>
    <row r="5" spans="1:60" ht="30" customHeight="1">
      <c r="A5" s="115"/>
      <c r="B5" s="116"/>
      <c r="C5" s="51" t="s">
        <v>52</v>
      </c>
      <c r="D5" s="54" t="s">
        <v>102</v>
      </c>
      <c r="E5" s="53">
        <v>46237</v>
      </c>
      <c r="F5" s="53">
        <v>46237</v>
      </c>
      <c r="G5" s="54"/>
      <c r="H5" s="55" t="s">
        <v>103</v>
      </c>
      <c r="I5" s="25">
        <f>(I3&gt;=$E5)*AND(I3&lt;=$F5)</f>
        <v>0</v>
      </c>
      <c r="J5" s="25">
        <f t="shared" ref="J5:AO5" si="2">(J3&gt;=$E5)*AND(J3&lt;=$F5)</f>
        <v>0</v>
      </c>
      <c r="K5" s="25">
        <f t="shared" si="2"/>
        <v>0</v>
      </c>
      <c r="L5" s="25">
        <f t="shared" si="2"/>
        <v>0</v>
      </c>
      <c r="M5" s="25">
        <f t="shared" si="2"/>
        <v>0</v>
      </c>
      <c r="N5" s="25">
        <f t="shared" si="2"/>
        <v>0</v>
      </c>
      <c r="O5" s="25">
        <f t="shared" si="2"/>
        <v>0</v>
      </c>
      <c r="P5" s="25">
        <f t="shared" si="2"/>
        <v>0</v>
      </c>
      <c r="Q5" s="25">
        <f t="shared" si="2"/>
        <v>0</v>
      </c>
      <c r="R5" s="25">
        <f t="shared" si="2"/>
        <v>0</v>
      </c>
      <c r="S5" s="25">
        <f t="shared" si="2"/>
        <v>0</v>
      </c>
      <c r="T5" s="25">
        <f t="shared" si="2"/>
        <v>0</v>
      </c>
      <c r="U5" s="25">
        <f t="shared" si="2"/>
        <v>0</v>
      </c>
      <c r="V5" s="25">
        <f t="shared" si="2"/>
        <v>0</v>
      </c>
      <c r="W5" s="25">
        <f t="shared" si="2"/>
        <v>0</v>
      </c>
      <c r="X5" s="25">
        <f t="shared" si="2"/>
        <v>0</v>
      </c>
      <c r="Y5" s="25">
        <f t="shared" si="2"/>
        <v>0</v>
      </c>
      <c r="Z5" s="25">
        <f t="shared" si="2"/>
        <v>0</v>
      </c>
      <c r="AA5" s="25">
        <f t="shared" si="2"/>
        <v>0</v>
      </c>
      <c r="AB5" s="25">
        <f t="shared" si="2"/>
        <v>0</v>
      </c>
      <c r="AC5" s="25">
        <f t="shared" si="2"/>
        <v>0</v>
      </c>
      <c r="AD5" s="25">
        <f t="shared" si="2"/>
        <v>0</v>
      </c>
      <c r="AE5" s="25">
        <f t="shared" si="2"/>
        <v>0</v>
      </c>
      <c r="AF5" s="25">
        <f t="shared" si="2"/>
        <v>0</v>
      </c>
      <c r="AG5" s="25">
        <f t="shared" si="2"/>
        <v>0</v>
      </c>
      <c r="AH5" s="25">
        <f t="shared" si="2"/>
        <v>0</v>
      </c>
      <c r="AI5" s="25">
        <f t="shared" si="2"/>
        <v>0</v>
      </c>
      <c r="AJ5" s="25">
        <f t="shared" si="2"/>
        <v>0</v>
      </c>
      <c r="AK5" s="25">
        <f t="shared" si="2"/>
        <v>0</v>
      </c>
      <c r="AL5" s="25">
        <f t="shared" si="2"/>
        <v>0</v>
      </c>
      <c r="AM5" s="25">
        <f t="shared" si="2"/>
        <v>0</v>
      </c>
      <c r="AN5" s="25">
        <f t="shared" si="2"/>
        <v>0</v>
      </c>
      <c r="AO5" s="25">
        <f t="shared" si="2"/>
        <v>0</v>
      </c>
      <c r="AP5" s="25">
        <f t="shared" ref="AP5:BH5" si="3">(AP3&gt;=$E5)*AND(AP3&lt;=$F5)</f>
        <v>0</v>
      </c>
      <c r="AQ5" s="25">
        <f t="shared" si="3"/>
        <v>0</v>
      </c>
      <c r="AR5" s="25">
        <f t="shared" si="3"/>
        <v>0</v>
      </c>
      <c r="AS5" s="25">
        <f t="shared" si="3"/>
        <v>0</v>
      </c>
      <c r="AT5" s="25">
        <f t="shared" si="3"/>
        <v>0</v>
      </c>
      <c r="AU5" s="25">
        <f t="shared" si="3"/>
        <v>0</v>
      </c>
      <c r="AV5" s="25">
        <f t="shared" si="3"/>
        <v>0</v>
      </c>
      <c r="AW5" s="25">
        <f t="shared" si="3"/>
        <v>0</v>
      </c>
      <c r="AX5" s="25">
        <f t="shared" si="3"/>
        <v>0</v>
      </c>
      <c r="AY5" s="25">
        <f t="shared" si="3"/>
        <v>0</v>
      </c>
      <c r="AZ5" s="25">
        <f t="shared" si="3"/>
        <v>0</v>
      </c>
      <c r="BA5" s="25">
        <f t="shared" si="3"/>
        <v>0</v>
      </c>
      <c r="BB5" s="25">
        <f t="shared" si="3"/>
        <v>0</v>
      </c>
      <c r="BC5" s="25">
        <f t="shared" si="3"/>
        <v>0</v>
      </c>
      <c r="BD5" s="25">
        <f t="shared" si="3"/>
        <v>0</v>
      </c>
      <c r="BE5" s="25">
        <f t="shared" si="3"/>
        <v>0</v>
      </c>
      <c r="BF5" s="25">
        <f t="shared" si="3"/>
        <v>0</v>
      </c>
      <c r="BG5" s="25">
        <f t="shared" si="3"/>
        <v>0</v>
      </c>
      <c r="BH5" s="26">
        <f t="shared" si="3"/>
        <v>0</v>
      </c>
    </row>
    <row r="6" spans="1:60" ht="30" customHeight="1">
      <c r="A6" s="115"/>
      <c r="B6" s="116"/>
      <c r="C6" s="51" t="s">
        <v>18</v>
      </c>
      <c r="D6" s="54" t="s">
        <v>102</v>
      </c>
      <c r="E6" s="53">
        <v>46244</v>
      </c>
      <c r="F6" s="53">
        <v>46279</v>
      </c>
      <c r="G6" s="54"/>
      <c r="H6" s="55" t="s">
        <v>104</v>
      </c>
      <c r="I6" s="25">
        <f t="shared" ref="I6:AN6" si="4">(I2&gt;=$E6)*AND(I2&lt;=$F6)</f>
        <v>0</v>
      </c>
      <c r="J6" s="25">
        <f t="shared" si="4"/>
        <v>0</v>
      </c>
      <c r="K6" s="25">
        <f t="shared" si="4"/>
        <v>0</v>
      </c>
      <c r="L6" s="25">
        <f t="shared" si="4"/>
        <v>0</v>
      </c>
      <c r="M6" s="25">
        <f t="shared" si="4"/>
        <v>0</v>
      </c>
      <c r="N6" s="25">
        <f t="shared" si="4"/>
        <v>0</v>
      </c>
      <c r="O6" s="25">
        <f t="shared" si="4"/>
        <v>0</v>
      </c>
      <c r="P6" s="25">
        <f t="shared" si="4"/>
        <v>0</v>
      </c>
      <c r="Q6" s="25">
        <f t="shared" si="4"/>
        <v>0</v>
      </c>
      <c r="R6" s="25">
        <f t="shared" si="4"/>
        <v>0</v>
      </c>
      <c r="S6" s="25">
        <f t="shared" si="4"/>
        <v>0</v>
      </c>
      <c r="T6" s="25">
        <f t="shared" si="4"/>
        <v>0</v>
      </c>
      <c r="U6" s="25">
        <f t="shared" si="4"/>
        <v>0</v>
      </c>
      <c r="V6" s="25">
        <f t="shared" si="4"/>
        <v>0</v>
      </c>
      <c r="W6" s="25">
        <f t="shared" si="4"/>
        <v>0</v>
      </c>
      <c r="X6" s="25">
        <f t="shared" si="4"/>
        <v>0</v>
      </c>
      <c r="Y6" s="25">
        <f t="shared" si="4"/>
        <v>0</v>
      </c>
      <c r="Z6" s="25">
        <f t="shared" si="4"/>
        <v>0</v>
      </c>
      <c r="AA6" s="25">
        <f t="shared" si="4"/>
        <v>0</v>
      </c>
      <c r="AB6" s="25">
        <f t="shared" si="4"/>
        <v>0</v>
      </c>
      <c r="AC6" s="25">
        <f t="shared" si="4"/>
        <v>0</v>
      </c>
      <c r="AD6" s="25">
        <f t="shared" si="4"/>
        <v>0</v>
      </c>
      <c r="AE6" s="25">
        <f t="shared" si="4"/>
        <v>0</v>
      </c>
      <c r="AF6" s="25">
        <f t="shared" si="4"/>
        <v>0</v>
      </c>
      <c r="AG6" s="25">
        <f t="shared" si="4"/>
        <v>0</v>
      </c>
      <c r="AH6" s="25">
        <f t="shared" si="4"/>
        <v>0</v>
      </c>
      <c r="AI6" s="25">
        <f t="shared" si="4"/>
        <v>0</v>
      </c>
      <c r="AJ6" s="25">
        <f t="shared" si="4"/>
        <v>0</v>
      </c>
      <c r="AK6" s="25">
        <f t="shared" si="4"/>
        <v>0</v>
      </c>
      <c r="AL6" s="25">
        <f t="shared" si="4"/>
        <v>0</v>
      </c>
      <c r="AM6" s="25">
        <f t="shared" si="4"/>
        <v>0</v>
      </c>
      <c r="AN6" s="25">
        <f t="shared" si="4"/>
        <v>1</v>
      </c>
      <c r="AO6" s="25">
        <f t="shared" ref="AO6:BH6" si="5">(AO2&gt;=$E6)*AND(AO2&lt;=$F6)</f>
        <v>1</v>
      </c>
      <c r="AP6" s="25">
        <f t="shared" si="5"/>
        <v>1</v>
      </c>
      <c r="AQ6" s="25">
        <f t="shared" si="5"/>
        <v>1</v>
      </c>
      <c r="AR6" s="25">
        <f t="shared" si="5"/>
        <v>1</v>
      </c>
      <c r="AS6" s="25">
        <f t="shared" si="5"/>
        <v>1</v>
      </c>
      <c r="AT6" s="25">
        <f t="shared" si="5"/>
        <v>0</v>
      </c>
      <c r="AU6" s="25">
        <f t="shared" si="5"/>
        <v>0</v>
      </c>
      <c r="AV6" s="25">
        <f t="shared" si="5"/>
        <v>0</v>
      </c>
      <c r="AW6" s="25">
        <f t="shared" si="5"/>
        <v>0</v>
      </c>
      <c r="AX6" s="25">
        <f t="shared" si="5"/>
        <v>0</v>
      </c>
      <c r="AY6" s="25">
        <f t="shared" si="5"/>
        <v>0</v>
      </c>
      <c r="AZ6" s="25">
        <f t="shared" si="5"/>
        <v>0</v>
      </c>
      <c r="BA6" s="25">
        <f t="shared" si="5"/>
        <v>0</v>
      </c>
      <c r="BB6" s="25">
        <f t="shared" si="5"/>
        <v>0</v>
      </c>
      <c r="BC6" s="25">
        <f t="shared" si="5"/>
        <v>0</v>
      </c>
      <c r="BD6" s="25">
        <f t="shared" si="5"/>
        <v>0</v>
      </c>
      <c r="BE6" s="25">
        <f t="shared" si="5"/>
        <v>0</v>
      </c>
      <c r="BF6" s="25">
        <f t="shared" si="5"/>
        <v>0</v>
      </c>
      <c r="BG6" s="25">
        <f t="shared" si="5"/>
        <v>0</v>
      </c>
      <c r="BH6" s="26">
        <f t="shared" si="5"/>
        <v>0</v>
      </c>
    </row>
    <row r="7" spans="1:60" ht="30" customHeight="1">
      <c r="A7" s="115"/>
      <c r="B7" s="116"/>
      <c r="C7" s="51" t="s">
        <v>53</v>
      </c>
      <c r="D7" s="54" t="s">
        <v>20</v>
      </c>
      <c r="E7" s="56">
        <v>46363</v>
      </c>
      <c r="F7" s="56">
        <v>46372</v>
      </c>
      <c r="G7" s="54"/>
      <c r="H7" s="55" t="s">
        <v>105</v>
      </c>
      <c r="I7" s="25">
        <f t="shared" ref="I7:AN7" si="6">(I2&gt;=$E7)*AND(I2&lt;=$F7)</f>
        <v>0</v>
      </c>
      <c r="J7" s="25">
        <f t="shared" si="6"/>
        <v>0</v>
      </c>
      <c r="K7" s="25">
        <f t="shared" si="6"/>
        <v>0</v>
      </c>
      <c r="L7" s="25">
        <f t="shared" si="6"/>
        <v>0</v>
      </c>
      <c r="M7" s="25">
        <f t="shared" si="6"/>
        <v>0</v>
      </c>
      <c r="N7" s="25">
        <f t="shared" si="6"/>
        <v>0</v>
      </c>
      <c r="O7" s="25">
        <f t="shared" si="6"/>
        <v>0</v>
      </c>
      <c r="P7" s="25">
        <f t="shared" si="6"/>
        <v>0</v>
      </c>
      <c r="Q7" s="25">
        <f t="shared" si="6"/>
        <v>0</v>
      </c>
      <c r="R7" s="25">
        <f t="shared" si="6"/>
        <v>0</v>
      </c>
      <c r="S7" s="25">
        <f t="shared" si="6"/>
        <v>0</v>
      </c>
      <c r="T7" s="25">
        <f t="shared" si="6"/>
        <v>0</v>
      </c>
      <c r="U7" s="25">
        <f t="shared" si="6"/>
        <v>0</v>
      </c>
      <c r="V7" s="25">
        <f t="shared" si="6"/>
        <v>0</v>
      </c>
      <c r="W7" s="25">
        <f t="shared" si="6"/>
        <v>0</v>
      </c>
      <c r="X7" s="25">
        <f t="shared" si="6"/>
        <v>0</v>
      </c>
      <c r="Y7" s="25">
        <f t="shared" si="6"/>
        <v>0</v>
      </c>
      <c r="Z7" s="25">
        <f t="shared" si="6"/>
        <v>0</v>
      </c>
      <c r="AA7" s="25">
        <f t="shared" si="6"/>
        <v>0</v>
      </c>
      <c r="AB7" s="25">
        <f t="shared" si="6"/>
        <v>0</v>
      </c>
      <c r="AC7" s="25">
        <f t="shared" si="6"/>
        <v>0</v>
      </c>
      <c r="AD7" s="25">
        <f t="shared" si="6"/>
        <v>0</v>
      </c>
      <c r="AE7" s="25">
        <f t="shared" si="6"/>
        <v>0</v>
      </c>
      <c r="AF7" s="25">
        <f t="shared" si="6"/>
        <v>0</v>
      </c>
      <c r="AG7" s="25">
        <f t="shared" si="6"/>
        <v>0</v>
      </c>
      <c r="AH7" s="25">
        <f t="shared" si="6"/>
        <v>0</v>
      </c>
      <c r="AI7" s="25">
        <f t="shared" si="6"/>
        <v>0</v>
      </c>
      <c r="AJ7" s="25">
        <f t="shared" si="6"/>
        <v>0</v>
      </c>
      <c r="AK7" s="25">
        <f t="shared" si="6"/>
        <v>0</v>
      </c>
      <c r="AL7" s="25">
        <f t="shared" si="6"/>
        <v>0</v>
      </c>
      <c r="AM7" s="25">
        <f t="shared" si="6"/>
        <v>0</v>
      </c>
      <c r="AN7" s="25">
        <f t="shared" si="6"/>
        <v>0</v>
      </c>
      <c r="AO7" s="25">
        <f t="shared" ref="AO7:BH7" si="7">(AO2&gt;=$E7)*AND(AO2&lt;=$F7)</f>
        <v>0</v>
      </c>
      <c r="AP7" s="25">
        <f t="shared" si="7"/>
        <v>0</v>
      </c>
      <c r="AQ7" s="25">
        <f t="shared" si="7"/>
        <v>0</v>
      </c>
      <c r="AR7" s="25">
        <f t="shared" si="7"/>
        <v>0</v>
      </c>
      <c r="AS7" s="25">
        <f t="shared" si="7"/>
        <v>0</v>
      </c>
      <c r="AT7" s="25">
        <f t="shared" si="7"/>
        <v>0</v>
      </c>
      <c r="AU7" s="25">
        <f t="shared" si="7"/>
        <v>0</v>
      </c>
      <c r="AV7" s="25">
        <f t="shared" si="7"/>
        <v>0</v>
      </c>
      <c r="AW7" s="25">
        <f t="shared" si="7"/>
        <v>0</v>
      </c>
      <c r="AX7" s="25">
        <f t="shared" si="7"/>
        <v>0</v>
      </c>
      <c r="AY7" s="25">
        <f t="shared" si="7"/>
        <v>0</v>
      </c>
      <c r="AZ7" s="25">
        <f t="shared" si="7"/>
        <v>0</v>
      </c>
      <c r="BA7" s="25">
        <f t="shared" si="7"/>
        <v>0</v>
      </c>
      <c r="BB7" s="25">
        <f t="shared" si="7"/>
        <v>0</v>
      </c>
      <c r="BC7" s="25">
        <f t="shared" si="7"/>
        <v>0</v>
      </c>
      <c r="BD7" s="25">
        <f t="shared" si="7"/>
        <v>0</v>
      </c>
      <c r="BE7" s="25">
        <f t="shared" si="7"/>
        <v>1</v>
      </c>
      <c r="BF7" s="25">
        <f t="shared" si="7"/>
        <v>1</v>
      </c>
      <c r="BG7" s="25">
        <f t="shared" si="7"/>
        <v>0</v>
      </c>
      <c r="BH7" s="26">
        <f t="shared" si="7"/>
        <v>0</v>
      </c>
    </row>
    <row r="8" spans="1:60" ht="30" customHeight="1">
      <c r="A8" s="57" t="s">
        <v>54</v>
      </c>
      <c r="B8" s="57"/>
      <c r="C8" s="58" t="s">
        <v>51</v>
      </c>
      <c r="D8" s="52" t="s">
        <v>101</v>
      </c>
      <c r="E8" s="59"/>
      <c r="F8" s="59"/>
      <c r="G8" s="60"/>
      <c r="H8" s="61"/>
      <c r="I8" s="25">
        <f t="shared" ref="I8:AN8" si="8">(I2&gt;=$E8)*AND(I2&lt;=$F8)</f>
        <v>0</v>
      </c>
      <c r="J8" s="25">
        <f t="shared" si="8"/>
        <v>0</v>
      </c>
      <c r="K8" s="25">
        <f t="shared" si="8"/>
        <v>0</v>
      </c>
      <c r="L8" s="25">
        <f t="shared" si="8"/>
        <v>0</v>
      </c>
      <c r="M8" s="25">
        <f t="shared" si="8"/>
        <v>0</v>
      </c>
      <c r="N8" s="25">
        <f t="shared" si="8"/>
        <v>0</v>
      </c>
      <c r="O8" s="25">
        <f t="shared" si="8"/>
        <v>0</v>
      </c>
      <c r="P8" s="25">
        <f t="shared" si="8"/>
        <v>0</v>
      </c>
      <c r="Q8" s="25">
        <f t="shared" si="8"/>
        <v>0</v>
      </c>
      <c r="R8" s="25">
        <f t="shared" si="8"/>
        <v>0</v>
      </c>
      <c r="S8" s="25">
        <f t="shared" si="8"/>
        <v>0</v>
      </c>
      <c r="T8" s="25">
        <f t="shared" si="8"/>
        <v>0</v>
      </c>
      <c r="U8" s="25">
        <f t="shared" si="8"/>
        <v>0</v>
      </c>
      <c r="V8" s="25">
        <f t="shared" si="8"/>
        <v>0</v>
      </c>
      <c r="W8" s="25">
        <f t="shared" si="8"/>
        <v>0</v>
      </c>
      <c r="X8" s="25">
        <f t="shared" si="8"/>
        <v>0</v>
      </c>
      <c r="Y8" s="25">
        <f t="shared" si="8"/>
        <v>0</v>
      </c>
      <c r="Z8" s="25">
        <f t="shared" si="8"/>
        <v>0</v>
      </c>
      <c r="AA8" s="25">
        <f t="shared" si="8"/>
        <v>0</v>
      </c>
      <c r="AB8" s="25">
        <f t="shared" si="8"/>
        <v>0</v>
      </c>
      <c r="AC8" s="25">
        <f t="shared" si="8"/>
        <v>0</v>
      </c>
      <c r="AD8" s="25">
        <f t="shared" si="8"/>
        <v>0</v>
      </c>
      <c r="AE8" s="25">
        <f t="shared" si="8"/>
        <v>0</v>
      </c>
      <c r="AF8" s="25">
        <f t="shared" si="8"/>
        <v>0</v>
      </c>
      <c r="AG8" s="25">
        <f t="shared" si="8"/>
        <v>0</v>
      </c>
      <c r="AH8" s="25">
        <f t="shared" si="8"/>
        <v>0</v>
      </c>
      <c r="AI8" s="25">
        <f t="shared" si="8"/>
        <v>0</v>
      </c>
      <c r="AJ8" s="25">
        <f t="shared" si="8"/>
        <v>0</v>
      </c>
      <c r="AK8" s="25">
        <f t="shared" si="8"/>
        <v>0</v>
      </c>
      <c r="AL8" s="25">
        <f t="shared" si="8"/>
        <v>0</v>
      </c>
      <c r="AM8" s="25">
        <f t="shared" si="8"/>
        <v>0</v>
      </c>
      <c r="AN8" s="25">
        <f t="shared" si="8"/>
        <v>0</v>
      </c>
      <c r="AO8" s="25">
        <f t="shared" ref="AO8:BH8" si="9">(AO2&gt;=$E8)*AND(AO2&lt;=$F8)</f>
        <v>0</v>
      </c>
      <c r="AP8" s="25">
        <f t="shared" si="9"/>
        <v>0</v>
      </c>
      <c r="AQ8" s="25">
        <f t="shared" si="9"/>
        <v>0</v>
      </c>
      <c r="AR8" s="25">
        <f t="shared" si="9"/>
        <v>0</v>
      </c>
      <c r="AS8" s="25">
        <f t="shared" si="9"/>
        <v>0</v>
      </c>
      <c r="AT8" s="25">
        <f t="shared" si="9"/>
        <v>0</v>
      </c>
      <c r="AU8" s="25">
        <f t="shared" si="9"/>
        <v>0</v>
      </c>
      <c r="AV8" s="25">
        <f t="shared" si="9"/>
        <v>0</v>
      </c>
      <c r="AW8" s="25">
        <f t="shared" si="9"/>
        <v>0</v>
      </c>
      <c r="AX8" s="25">
        <f t="shared" si="9"/>
        <v>0</v>
      </c>
      <c r="AY8" s="25">
        <f t="shared" si="9"/>
        <v>0</v>
      </c>
      <c r="AZ8" s="25">
        <f t="shared" si="9"/>
        <v>0</v>
      </c>
      <c r="BA8" s="25">
        <f t="shared" si="9"/>
        <v>0</v>
      </c>
      <c r="BB8" s="25">
        <f t="shared" si="9"/>
        <v>0</v>
      </c>
      <c r="BC8" s="25">
        <f t="shared" si="9"/>
        <v>0</v>
      </c>
      <c r="BD8" s="25">
        <f t="shared" si="9"/>
        <v>0</v>
      </c>
      <c r="BE8" s="25">
        <f t="shared" si="9"/>
        <v>0</v>
      </c>
      <c r="BF8" s="25">
        <f t="shared" si="9"/>
        <v>0</v>
      </c>
      <c r="BG8" s="25">
        <f t="shared" si="9"/>
        <v>0</v>
      </c>
      <c r="BH8" s="25">
        <f t="shared" si="9"/>
        <v>0</v>
      </c>
    </row>
    <row r="9" spans="1:60" ht="45" customHeight="1">
      <c r="A9" s="117" t="s">
        <v>55</v>
      </c>
      <c r="B9" s="119" t="s">
        <v>56</v>
      </c>
      <c r="C9" s="58" t="s">
        <v>27</v>
      </c>
      <c r="D9" s="60" t="s">
        <v>102</v>
      </c>
      <c r="E9" s="59">
        <v>46027</v>
      </c>
      <c r="F9" s="59">
        <v>46066</v>
      </c>
      <c r="G9" s="60"/>
      <c r="H9" s="61" t="s">
        <v>106</v>
      </c>
      <c r="I9" s="25">
        <f t="shared" ref="I9:AN9" si="10">(I2&gt;=$E9)*AND(I2&lt;=$F9)</f>
        <v>1</v>
      </c>
      <c r="J9" s="25">
        <f t="shared" si="10"/>
        <v>1</v>
      </c>
      <c r="K9" s="25">
        <f t="shared" si="10"/>
        <v>1</v>
      </c>
      <c r="L9" s="25">
        <f t="shared" si="10"/>
        <v>1</v>
      </c>
      <c r="M9" s="25">
        <f t="shared" si="10"/>
        <v>1</v>
      </c>
      <c r="N9" s="25">
        <f t="shared" si="10"/>
        <v>1</v>
      </c>
      <c r="O9" s="25">
        <f t="shared" si="10"/>
        <v>0</v>
      </c>
      <c r="P9" s="25">
        <f t="shared" si="10"/>
        <v>0</v>
      </c>
      <c r="Q9" s="25">
        <f t="shared" si="10"/>
        <v>0</v>
      </c>
      <c r="R9" s="25">
        <f t="shared" si="10"/>
        <v>0</v>
      </c>
      <c r="S9" s="25">
        <f t="shared" si="10"/>
        <v>0</v>
      </c>
      <c r="T9" s="25">
        <f t="shared" si="10"/>
        <v>0</v>
      </c>
      <c r="U9" s="25">
        <f t="shared" si="10"/>
        <v>0</v>
      </c>
      <c r="V9" s="25">
        <f t="shared" si="10"/>
        <v>0</v>
      </c>
      <c r="W9" s="25">
        <f t="shared" si="10"/>
        <v>0</v>
      </c>
      <c r="X9" s="25">
        <f t="shared" si="10"/>
        <v>0</v>
      </c>
      <c r="Y9" s="25">
        <f t="shared" si="10"/>
        <v>0</v>
      </c>
      <c r="Z9" s="25">
        <f t="shared" si="10"/>
        <v>0</v>
      </c>
      <c r="AA9" s="25">
        <f t="shared" si="10"/>
        <v>0</v>
      </c>
      <c r="AB9" s="25">
        <f t="shared" si="10"/>
        <v>0</v>
      </c>
      <c r="AC9" s="25">
        <f t="shared" si="10"/>
        <v>0</v>
      </c>
      <c r="AD9" s="25">
        <f t="shared" si="10"/>
        <v>0</v>
      </c>
      <c r="AE9" s="25">
        <f t="shared" si="10"/>
        <v>0</v>
      </c>
      <c r="AF9" s="25">
        <f t="shared" si="10"/>
        <v>0</v>
      </c>
      <c r="AG9" s="25">
        <f t="shared" si="10"/>
        <v>0</v>
      </c>
      <c r="AH9" s="25">
        <f t="shared" si="10"/>
        <v>0</v>
      </c>
      <c r="AI9" s="25">
        <f t="shared" si="10"/>
        <v>0</v>
      </c>
      <c r="AJ9" s="25">
        <f t="shared" si="10"/>
        <v>0</v>
      </c>
      <c r="AK9" s="25">
        <f t="shared" si="10"/>
        <v>0</v>
      </c>
      <c r="AL9" s="25">
        <f t="shared" si="10"/>
        <v>0</v>
      </c>
      <c r="AM9" s="25">
        <f t="shared" si="10"/>
        <v>0</v>
      </c>
      <c r="AN9" s="25">
        <f t="shared" si="10"/>
        <v>0</v>
      </c>
      <c r="AO9" s="25">
        <f t="shared" ref="AO9:BH9" si="11">(AO2&gt;=$E9)*AND(AO2&lt;=$F9)</f>
        <v>0</v>
      </c>
      <c r="AP9" s="25">
        <f t="shared" si="11"/>
        <v>0</v>
      </c>
      <c r="AQ9" s="25">
        <f t="shared" si="11"/>
        <v>0</v>
      </c>
      <c r="AR9" s="25">
        <f t="shared" si="11"/>
        <v>0</v>
      </c>
      <c r="AS9" s="25">
        <f t="shared" si="11"/>
        <v>0</v>
      </c>
      <c r="AT9" s="25">
        <f t="shared" si="11"/>
        <v>0</v>
      </c>
      <c r="AU9" s="25">
        <f t="shared" si="11"/>
        <v>0</v>
      </c>
      <c r="AV9" s="25">
        <f t="shared" si="11"/>
        <v>0</v>
      </c>
      <c r="AW9" s="25">
        <f t="shared" si="11"/>
        <v>0</v>
      </c>
      <c r="AX9" s="25">
        <f t="shared" si="11"/>
        <v>0</v>
      </c>
      <c r="AY9" s="25">
        <f t="shared" si="11"/>
        <v>0</v>
      </c>
      <c r="AZ9" s="25">
        <f t="shared" si="11"/>
        <v>0</v>
      </c>
      <c r="BA9" s="25">
        <f t="shared" si="11"/>
        <v>0</v>
      </c>
      <c r="BB9" s="25">
        <f t="shared" si="11"/>
        <v>0</v>
      </c>
      <c r="BC9" s="25">
        <f t="shared" si="11"/>
        <v>0</v>
      </c>
      <c r="BD9" s="25">
        <f t="shared" si="11"/>
        <v>0</v>
      </c>
      <c r="BE9" s="25">
        <f t="shared" si="11"/>
        <v>0</v>
      </c>
      <c r="BF9" s="25">
        <f t="shared" si="11"/>
        <v>0</v>
      </c>
      <c r="BG9" s="25">
        <f t="shared" si="11"/>
        <v>0</v>
      </c>
      <c r="BH9" s="26">
        <f t="shared" si="11"/>
        <v>0</v>
      </c>
    </row>
    <row r="10" spans="1:60" ht="30" customHeight="1">
      <c r="A10" s="118"/>
      <c r="B10" s="119"/>
      <c r="C10" s="58" t="s">
        <v>57</v>
      </c>
      <c r="D10" s="60" t="s">
        <v>102</v>
      </c>
      <c r="E10" s="59">
        <v>46066</v>
      </c>
      <c r="F10" s="59">
        <v>46108</v>
      </c>
      <c r="G10" s="60"/>
      <c r="H10" s="61" t="s">
        <v>107</v>
      </c>
      <c r="I10" s="25">
        <f t="shared" ref="I10:AN10" si="12">(I2&gt;=$E10)*AND(I2&lt;=$F10)</f>
        <v>0</v>
      </c>
      <c r="J10" s="25">
        <f t="shared" si="12"/>
        <v>0</v>
      </c>
      <c r="K10" s="25">
        <f t="shared" si="12"/>
        <v>0</v>
      </c>
      <c r="L10" s="25">
        <f t="shared" si="12"/>
        <v>0</v>
      </c>
      <c r="M10" s="25">
        <f t="shared" si="12"/>
        <v>0</v>
      </c>
      <c r="N10" s="25">
        <f t="shared" si="12"/>
        <v>0</v>
      </c>
      <c r="O10" s="25">
        <f t="shared" si="12"/>
        <v>1</v>
      </c>
      <c r="P10" s="25">
        <f t="shared" si="12"/>
        <v>1</v>
      </c>
      <c r="Q10" s="25">
        <f t="shared" si="12"/>
        <v>1</v>
      </c>
      <c r="R10" s="25">
        <f t="shared" si="12"/>
        <v>1</v>
      </c>
      <c r="S10" s="25">
        <f t="shared" si="12"/>
        <v>1</v>
      </c>
      <c r="T10" s="25">
        <f t="shared" si="12"/>
        <v>1</v>
      </c>
      <c r="U10" s="25">
        <f t="shared" si="12"/>
        <v>0</v>
      </c>
      <c r="V10" s="25">
        <f t="shared" si="12"/>
        <v>0</v>
      </c>
      <c r="W10" s="25">
        <f t="shared" si="12"/>
        <v>0</v>
      </c>
      <c r="X10" s="25">
        <f t="shared" si="12"/>
        <v>0</v>
      </c>
      <c r="Y10" s="25">
        <f t="shared" si="12"/>
        <v>0</v>
      </c>
      <c r="Z10" s="25">
        <f t="shared" si="12"/>
        <v>0</v>
      </c>
      <c r="AA10" s="25">
        <f t="shared" si="12"/>
        <v>0</v>
      </c>
      <c r="AB10" s="25">
        <f t="shared" si="12"/>
        <v>0</v>
      </c>
      <c r="AC10" s="25">
        <f t="shared" si="12"/>
        <v>0</v>
      </c>
      <c r="AD10" s="25">
        <f t="shared" si="12"/>
        <v>0</v>
      </c>
      <c r="AE10" s="25">
        <f t="shared" si="12"/>
        <v>0</v>
      </c>
      <c r="AF10" s="25">
        <f t="shared" si="12"/>
        <v>0</v>
      </c>
      <c r="AG10" s="25">
        <f t="shared" si="12"/>
        <v>0</v>
      </c>
      <c r="AH10" s="25">
        <f t="shared" si="12"/>
        <v>0</v>
      </c>
      <c r="AI10" s="25">
        <f t="shared" si="12"/>
        <v>0</v>
      </c>
      <c r="AJ10" s="25">
        <f t="shared" si="12"/>
        <v>0</v>
      </c>
      <c r="AK10" s="25">
        <f t="shared" si="12"/>
        <v>0</v>
      </c>
      <c r="AL10" s="25">
        <f t="shared" si="12"/>
        <v>0</v>
      </c>
      <c r="AM10" s="25">
        <f t="shared" si="12"/>
        <v>0</v>
      </c>
      <c r="AN10" s="25">
        <f t="shared" si="12"/>
        <v>0</v>
      </c>
      <c r="AO10" s="25">
        <f t="shared" ref="AO10:BH10" si="13">(AO2&gt;=$E10)*AND(AO2&lt;=$F10)</f>
        <v>0</v>
      </c>
      <c r="AP10" s="25">
        <f t="shared" si="13"/>
        <v>0</v>
      </c>
      <c r="AQ10" s="25">
        <f t="shared" si="13"/>
        <v>0</v>
      </c>
      <c r="AR10" s="25">
        <f t="shared" si="13"/>
        <v>0</v>
      </c>
      <c r="AS10" s="25">
        <f t="shared" si="13"/>
        <v>0</v>
      </c>
      <c r="AT10" s="25">
        <f t="shared" si="13"/>
        <v>0</v>
      </c>
      <c r="AU10" s="25">
        <f t="shared" si="13"/>
        <v>0</v>
      </c>
      <c r="AV10" s="25">
        <f t="shared" si="13"/>
        <v>0</v>
      </c>
      <c r="AW10" s="25">
        <f t="shared" si="13"/>
        <v>0</v>
      </c>
      <c r="AX10" s="25">
        <f t="shared" si="13"/>
        <v>0</v>
      </c>
      <c r="AY10" s="25">
        <f t="shared" si="13"/>
        <v>0</v>
      </c>
      <c r="AZ10" s="25">
        <f t="shared" si="13"/>
        <v>0</v>
      </c>
      <c r="BA10" s="25">
        <f t="shared" si="13"/>
        <v>0</v>
      </c>
      <c r="BB10" s="25">
        <f t="shared" si="13"/>
        <v>0</v>
      </c>
      <c r="BC10" s="25">
        <f t="shared" si="13"/>
        <v>0</v>
      </c>
      <c r="BD10" s="25">
        <f t="shared" si="13"/>
        <v>0</v>
      </c>
      <c r="BE10" s="25">
        <f t="shared" si="13"/>
        <v>0</v>
      </c>
      <c r="BF10" s="25">
        <f t="shared" si="13"/>
        <v>0</v>
      </c>
      <c r="BG10" s="25">
        <f t="shared" si="13"/>
        <v>0</v>
      </c>
      <c r="BH10" s="26">
        <f t="shared" si="13"/>
        <v>0</v>
      </c>
    </row>
    <row r="11" spans="1:60" ht="33" customHeight="1">
      <c r="A11" s="118"/>
      <c r="B11" s="119"/>
      <c r="C11" s="58" t="s">
        <v>58</v>
      </c>
      <c r="D11" s="60" t="s">
        <v>102</v>
      </c>
      <c r="E11" s="59">
        <v>46027</v>
      </c>
      <c r="F11" s="59">
        <v>46066</v>
      </c>
      <c r="G11" s="60"/>
      <c r="H11" s="61" t="s">
        <v>108</v>
      </c>
      <c r="I11" s="25">
        <f t="shared" ref="I11:AN11" si="14">(I2&gt;=$E11)*AND(I2&lt;=$F11)</f>
        <v>1</v>
      </c>
      <c r="J11" s="25">
        <f t="shared" si="14"/>
        <v>1</v>
      </c>
      <c r="K11" s="25">
        <f t="shared" si="14"/>
        <v>1</v>
      </c>
      <c r="L11" s="25">
        <f t="shared" si="14"/>
        <v>1</v>
      </c>
      <c r="M11" s="25">
        <f t="shared" si="14"/>
        <v>1</v>
      </c>
      <c r="N11" s="25">
        <f t="shared" si="14"/>
        <v>1</v>
      </c>
      <c r="O11" s="25">
        <f t="shared" si="14"/>
        <v>0</v>
      </c>
      <c r="P11" s="25">
        <f t="shared" si="14"/>
        <v>0</v>
      </c>
      <c r="Q11" s="25">
        <f t="shared" si="14"/>
        <v>0</v>
      </c>
      <c r="R11" s="25">
        <f t="shared" si="14"/>
        <v>0</v>
      </c>
      <c r="S11" s="25">
        <f t="shared" si="14"/>
        <v>0</v>
      </c>
      <c r="T11" s="25">
        <f t="shared" si="14"/>
        <v>0</v>
      </c>
      <c r="U11" s="25">
        <f t="shared" si="14"/>
        <v>0</v>
      </c>
      <c r="V11" s="25">
        <f t="shared" si="14"/>
        <v>0</v>
      </c>
      <c r="W11" s="25">
        <f t="shared" si="14"/>
        <v>0</v>
      </c>
      <c r="X11" s="25">
        <f t="shared" si="14"/>
        <v>0</v>
      </c>
      <c r="Y11" s="25">
        <f t="shared" si="14"/>
        <v>0</v>
      </c>
      <c r="Z11" s="25">
        <f t="shared" si="14"/>
        <v>0</v>
      </c>
      <c r="AA11" s="25">
        <f t="shared" si="14"/>
        <v>0</v>
      </c>
      <c r="AB11" s="25">
        <f t="shared" si="14"/>
        <v>0</v>
      </c>
      <c r="AC11" s="25">
        <f t="shared" si="14"/>
        <v>0</v>
      </c>
      <c r="AD11" s="25">
        <f t="shared" si="14"/>
        <v>0</v>
      </c>
      <c r="AE11" s="25">
        <f t="shared" si="14"/>
        <v>0</v>
      </c>
      <c r="AF11" s="25">
        <f t="shared" si="14"/>
        <v>0</v>
      </c>
      <c r="AG11" s="25">
        <f t="shared" si="14"/>
        <v>0</v>
      </c>
      <c r="AH11" s="25">
        <f t="shared" si="14"/>
        <v>0</v>
      </c>
      <c r="AI11" s="25">
        <f t="shared" si="14"/>
        <v>0</v>
      </c>
      <c r="AJ11" s="25">
        <f t="shared" si="14"/>
        <v>0</v>
      </c>
      <c r="AK11" s="25">
        <f t="shared" si="14"/>
        <v>0</v>
      </c>
      <c r="AL11" s="25">
        <f t="shared" si="14"/>
        <v>0</v>
      </c>
      <c r="AM11" s="25">
        <f t="shared" si="14"/>
        <v>0</v>
      </c>
      <c r="AN11" s="25">
        <f t="shared" si="14"/>
        <v>0</v>
      </c>
      <c r="AO11" s="25">
        <f t="shared" ref="AO11:BH11" si="15">(AO2&gt;=$E11)*AND(AO2&lt;=$F11)</f>
        <v>0</v>
      </c>
      <c r="AP11" s="25">
        <f t="shared" si="15"/>
        <v>0</v>
      </c>
      <c r="AQ11" s="25">
        <f t="shared" si="15"/>
        <v>0</v>
      </c>
      <c r="AR11" s="25">
        <f t="shared" si="15"/>
        <v>0</v>
      </c>
      <c r="AS11" s="25">
        <f t="shared" si="15"/>
        <v>0</v>
      </c>
      <c r="AT11" s="25">
        <f t="shared" si="15"/>
        <v>0</v>
      </c>
      <c r="AU11" s="25">
        <f t="shared" si="15"/>
        <v>0</v>
      </c>
      <c r="AV11" s="25">
        <f t="shared" si="15"/>
        <v>0</v>
      </c>
      <c r="AW11" s="25">
        <f t="shared" si="15"/>
        <v>0</v>
      </c>
      <c r="AX11" s="25">
        <f t="shared" si="15"/>
        <v>0</v>
      </c>
      <c r="AY11" s="25">
        <f t="shared" si="15"/>
        <v>0</v>
      </c>
      <c r="AZ11" s="25">
        <f t="shared" si="15"/>
        <v>0</v>
      </c>
      <c r="BA11" s="25">
        <f t="shared" si="15"/>
        <v>0</v>
      </c>
      <c r="BB11" s="25">
        <f t="shared" si="15"/>
        <v>0</v>
      </c>
      <c r="BC11" s="25">
        <f t="shared" si="15"/>
        <v>0</v>
      </c>
      <c r="BD11" s="25">
        <f t="shared" si="15"/>
        <v>0</v>
      </c>
      <c r="BE11" s="25">
        <f t="shared" si="15"/>
        <v>0</v>
      </c>
      <c r="BF11" s="25">
        <f t="shared" si="15"/>
        <v>0</v>
      </c>
      <c r="BG11" s="25">
        <f t="shared" si="15"/>
        <v>0</v>
      </c>
      <c r="BH11" s="26">
        <f t="shared" si="15"/>
        <v>0</v>
      </c>
    </row>
    <row r="12" spans="1:60" ht="30" customHeight="1">
      <c r="A12" s="118"/>
      <c r="B12" s="120" t="s">
        <v>59</v>
      </c>
      <c r="C12" s="63" t="s">
        <v>60</v>
      </c>
      <c r="D12" s="64" t="s">
        <v>109</v>
      </c>
      <c r="E12" s="65">
        <v>45818</v>
      </c>
      <c r="F12" s="66">
        <v>46034</v>
      </c>
      <c r="G12" s="67"/>
      <c r="H12" s="67" t="s">
        <v>110</v>
      </c>
      <c r="I12" s="25">
        <f t="shared" ref="I12:AN12" si="16">(I2&gt;=$E12)*AND(I2&lt;=$F12)</f>
        <v>1</v>
      </c>
      <c r="J12" s="25">
        <f t="shared" si="16"/>
        <v>1</v>
      </c>
      <c r="K12" s="25">
        <f t="shared" si="16"/>
        <v>0</v>
      </c>
      <c r="L12" s="25">
        <f t="shared" si="16"/>
        <v>0</v>
      </c>
      <c r="M12" s="25">
        <f t="shared" si="16"/>
        <v>0</v>
      </c>
      <c r="N12" s="25">
        <f t="shared" si="16"/>
        <v>0</v>
      </c>
      <c r="O12" s="25">
        <f t="shared" si="16"/>
        <v>0</v>
      </c>
      <c r="P12" s="25">
        <f t="shared" si="16"/>
        <v>0</v>
      </c>
      <c r="Q12" s="25">
        <f t="shared" si="16"/>
        <v>0</v>
      </c>
      <c r="R12" s="25">
        <f t="shared" si="16"/>
        <v>0</v>
      </c>
      <c r="S12" s="25">
        <f t="shared" si="16"/>
        <v>0</v>
      </c>
      <c r="T12" s="25">
        <f t="shared" si="16"/>
        <v>0</v>
      </c>
      <c r="U12" s="25">
        <f t="shared" si="16"/>
        <v>0</v>
      </c>
      <c r="V12" s="25">
        <f t="shared" si="16"/>
        <v>0</v>
      </c>
      <c r="W12" s="25">
        <f t="shared" si="16"/>
        <v>0</v>
      </c>
      <c r="X12" s="25">
        <f t="shared" si="16"/>
        <v>0</v>
      </c>
      <c r="Y12" s="25">
        <f t="shared" si="16"/>
        <v>0</v>
      </c>
      <c r="Z12" s="25">
        <f t="shared" si="16"/>
        <v>0</v>
      </c>
      <c r="AA12" s="25">
        <f t="shared" si="16"/>
        <v>0</v>
      </c>
      <c r="AB12" s="25">
        <f t="shared" si="16"/>
        <v>0</v>
      </c>
      <c r="AC12" s="25">
        <f t="shared" si="16"/>
        <v>0</v>
      </c>
      <c r="AD12" s="25">
        <f t="shared" si="16"/>
        <v>0</v>
      </c>
      <c r="AE12" s="25">
        <f t="shared" si="16"/>
        <v>0</v>
      </c>
      <c r="AF12" s="25">
        <f t="shared" si="16"/>
        <v>0</v>
      </c>
      <c r="AG12" s="25">
        <f t="shared" si="16"/>
        <v>0</v>
      </c>
      <c r="AH12" s="25">
        <f t="shared" si="16"/>
        <v>0</v>
      </c>
      <c r="AI12" s="25">
        <f t="shared" si="16"/>
        <v>0</v>
      </c>
      <c r="AJ12" s="25">
        <f t="shared" si="16"/>
        <v>0</v>
      </c>
      <c r="AK12" s="25">
        <f t="shared" si="16"/>
        <v>0</v>
      </c>
      <c r="AL12" s="25">
        <f t="shared" si="16"/>
        <v>0</v>
      </c>
      <c r="AM12" s="25">
        <f t="shared" si="16"/>
        <v>0</v>
      </c>
      <c r="AN12" s="25">
        <f t="shared" si="16"/>
        <v>0</v>
      </c>
      <c r="AO12" s="25">
        <f t="shared" ref="AO12:BH12" si="17">(AO2&gt;=$E12)*AND(AO2&lt;=$F12)</f>
        <v>0</v>
      </c>
      <c r="AP12" s="25">
        <f t="shared" si="17"/>
        <v>0</v>
      </c>
      <c r="AQ12" s="25">
        <f t="shared" si="17"/>
        <v>0</v>
      </c>
      <c r="AR12" s="25">
        <f t="shared" si="17"/>
        <v>0</v>
      </c>
      <c r="AS12" s="25">
        <f t="shared" si="17"/>
        <v>0</v>
      </c>
      <c r="AT12" s="25">
        <f t="shared" si="17"/>
        <v>0</v>
      </c>
      <c r="AU12" s="25">
        <f t="shared" si="17"/>
        <v>0</v>
      </c>
      <c r="AV12" s="25">
        <f t="shared" si="17"/>
        <v>0</v>
      </c>
      <c r="AW12" s="25">
        <f t="shared" si="17"/>
        <v>0</v>
      </c>
      <c r="AX12" s="25">
        <f t="shared" si="17"/>
        <v>0</v>
      </c>
      <c r="AY12" s="25">
        <f t="shared" si="17"/>
        <v>0</v>
      </c>
      <c r="AZ12" s="25">
        <f t="shared" si="17"/>
        <v>0</v>
      </c>
      <c r="BA12" s="25">
        <f t="shared" si="17"/>
        <v>0</v>
      </c>
      <c r="BB12" s="25">
        <f t="shared" si="17"/>
        <v>0</v>
      </c>
      <c r="BC12" s="25">
        <f t="shared" si="17"/>
        <v>0</v>
      </c>
      <c r="BD12" s="25">
        <f t="shared" si="17"/>
        <v>0</v>
      </c>
      <c r="BE12" s="25">
        <f t="shared" si="17"/>
        <v>0</v>
      </c>
      <c r="BF12" s="25">
        <f t="shared" si="17"/>
        <v>0</v>
      </c>
      <c r="BG12" s="25">
        <f t="shared" si="17"/>
        <v>0</v>
      </c>
      <c r="BH12" s="26">
        <f t="shared" si="17"/>
        <v>0</v>
      </c>
    </row>
    <row r="13" spans="1:60" ht="30" customHeight="1">
      <c r="A13" s="118"/>
      <c r="B13" s="120"/>
      <c r="C13" s="63" t="s">
        <v>61</v>
      </c>
      <c r="D13" s="68" t="s">
        <v>20</v>
      </c>
      <c r="E13" s="66">
        <f>I2</f>
        <v>46027</v>
      </c>
      <c r="F13" s="66">
        <v>46111</v>
      </c>
      <c r="G13" s="67"/>
      <c r="H13" s="67" t="s">
        <v>111</v>
      </c>
      <c r="I13" s="25">
        <f t="shared" ref="I13:AN13" si="18">(I2&gt;=$E13)*AND(I2&lt;=$F13)</f>
        <v>1</v>
      </c>
      <c r="J13" s="25">
        <f t="shared" si="18"/>
        <v>1</v>
      </c>
      <c r="K13" s="25">
        <f t="shared" si="18"/>
        <v>1</v>
      </c>
      <c r="L13" s="25">
        <f t="shared" si="18"/>
        <v>1</v>
      </c>
      <c r="M13" s="25">
        <f t="shared" si="18"/>
        <v>1</v>
      </c>
      <c r="N13" s="25">
        <f t="shared" si="18"/>
        <v>1</v>
      </c>
      <c r="O13" s="25">
        <f t="shared" si="18"/>
        <v>1</v>
      </c>
      <c r="P13" s="25">
        <f t="shared" si="18"/>
        <v>1</v>
      </c>
      <c r="Q13" s="25">
        <f t="shared" si="18"/>
        <v>1</v>
      </c>
      <c r="R13" s="25">
        <f t="shared" si="18"/>
        <v>1</v>
      </c>
      <c r="S13" s="25">
        <f t="shared" si="18"/>
        <v>1</v>
      </c>
      <c r="T13" s="25">
        <f t="shared" si="18"/>
        <v>1</v>
      </c>
      <c r="U13" s="25">
        <f t="shared" si="18"/>
        <v>1</v>
      </c>
      <c r="V13" s="25">
        <f t="shared" si="18"/>
        <v>0</v>
      </c>
      <c r="W13" s="25">
        <f t="shared" si="18"/>
        <v>0</v>
      </c>
      <c r="X13" s="25">
        <f t="shared" si="18"/>
        <v>0</v>
      </c>
      <c r="Y13" s="25">
        <f t="shared" si="18"/>
        <v>0</v>
      </c>
      <c r="Z13" s="25">
        <f t="shared" si="18"/>
        <v>0</v>
      </c>
      <c r="AA13" s="25">
        <f t="shared" si="18"/>
        <v>0</v>
      </c>
      <c r="AB13" s="25">
        <f t="shared" si="18"/>
        <v>0</v>
      </c>
      <c r="AC13" s="25">
        <f t="shared" si="18"/>
        <v>0</v>
      </c>
      <c r="AD13" s="25">
        <f t="shared" si="18"/>
        <v>0</v>
      </c>
      <c r="AE13" s="25">
        <f t="shared" si="18"/>
        <v>0</v>
      </c>
      <c r="AF13" s="25">
        <f t="shared" si="18"/>
        <v>0</v>
      </c>
      <c r="AG13" s="25">
        <f t="shared" si="18"/>
        <v>0</v>
      </c>
      <c r="AH13" s="25">
        <f t="shared" si="18"/>
        <v>0</v>
      </c>
      <c r="AI13" s="25">
        <f t="shared" si="18"/>
        <v>0</v>
      </c>
      <c r="AJ13" s="25">
        <f t="shared" si="18"/>
        <v>0</v>
      </c>
      <c r="AK13" s="25">
        <f t="shared" si="18"/>
        <v>0</v>
      </c>
      <c r="AL13" s="25">
        <f t="shared" si="18"/>
        <v>0</v>
      </c>
      <c r="AM13" s="25">
        <f t="shared" si="18"/>
        <v>0</v>
      </c>
      <c r="AN13" s="25">
        <f t="shared" si="18"/>
        <v>0</v>
      </c>
      <c r="AO13" s="25">
        <f t="shared" ref="AO13:BH13" si="19">(AO2&gt;=$E13)*AND(AO2&lt;=$F13)</f>
        <v>0</v>
      </c>
      <c r="AP13" s="25">
        <f t="shared" si="19"/>
        <v>0</v>
      </c>
      <c r="AQ13" s="25">
        <f t="shared" si="19"/>
        <v>0</v>
      </c>
      <c r="AR13" s="25">
        <f t="shared" si="19"/>
        <v>0</v>
      </c>
      <c r="AS13" s="25">
        <f t="shared" si="19"/>
        <v>0</v>
      </c>
      <c r="AT13" s="25">
        <f t="shared" si="19"/>
        <v>0</v>
      </c>
      <c r="AU13" s="25">
        <f t="shared" si="19"/>
        <v>0</v>
      </c>
      <c r="AV13" s="25">
        <f t="shared" si="19"/>
        <v>0</v>
      </c>
      <c r="AW13" s="25">
        <f t="shared" si="19"/>
        <v>0</v>
      </c>
      <c r="AX13" s="25">
        <f t="shared" si="19"/>
        <v>0</v>
      </c>
      <c r="AY13" s="25">
        <f t="shared" si="19"/>
        <v>0</v>
      </c>
      <c r="AZ13" s="25">
        <f t="shared" si="19"/>
        <v>0</v>
      </c>
      <c r="BA13" s="25">
        <f t="shared" si="19"/>
        <v>0</v>
      </c>
      <c r="BB13" s="25">
        <f t="shared" si="19"/>
        <v>0</v>
      </c>
      <c r="BC13" s="25">
        <f t="shared" si="19"/>
        <v>0</v>
      </c>
      <c r="BD13" s="25">
        <f t="shared" si="19"/>
        <v>0</v>
      </c>
      <c r="BE13" s="25">
        <f t="shared" si="19"/>
        <v>0</v>
      </c>
      <c r="BF13" s="25">
        <f t="shared" si="19"/>
        <v>0</v>
      </c>
      <c r="BG13" s="25">
        <f t="shared" si="19"/>
        <v>0</v>
      </c>
      <c r="BH13" s="26">
        <f t="shared" si="19"/>
        <v>0</v>
      </c>
    </row>
    <row r="14" spans="1:60" ht="46.5">
      <c r="A14" s="118"/>
      <c r="B14" s="120"/>
      <c r="C14" s="63" t="s">
        <v>62</v>
      </c>
      <c r="D14" s="64" t="s">
        <v>109</v>
      </c>
      <c r="E14" s="66">
        <v>45943</v>
      </c>
      <c r="F14" s="66">
        <f>Y2</f>
        <v>46139</v>
      </c>
      <c r="G14" s="67"/>
      <c r="H14" s="69" t="s">
        <v>112</v>
      </c>
      <c r="I14" s="25">
        <f t="shared" ref="I14:AN14" si="20">(I2&gt;=$E14)*AND(I2&lt;=$F14)</f>
        <v>1</v>
      </c>
      <c r="J14" s="25">
        <f t="shared" si="20"/>
        <v>1</v>
      </c>
      <c r="K14" s="25">
        <f t="shared" si="20"/>
        <v>1</v>
      </c>
      <c r="L14" s="25">
        <f t="shared" si="20"/>
        <v>1</v>
      </c>
      <c r="M14" s="25">
        <f t="shared" si="20"/>
        <v>1</v>
      </c>
      <c r="N14" s="25">
        <f t="shared" si="20"/>
        <v>1</v>
      </c>
      <c r="O14" s="25">
        <f t="shared" si="20"/>
        <v>1</v>
      </c>
      <c r="P14" s="25">
        <f t="shared" si="20"/>
        <v>1</v>
      </c>
      <c r="Q14" s="25">
        <f t="shared" si="20"/>
        <v>1</v>
      </c>
      <c r="R14" s="25">
        <f t="shared" si="20"/>
        <v>1</v>
      </c>
      <c r="S14" s="25">
        <f t="shared" si="20"/>
        <v>1</v>
      </c>
      <c r="T14" s="25">
        <f t="shared" si="20"/>
        <v>1</v>
      </c>
      <c r="U14" s="25">
        <f t="shared" si="20"/>
        <v>1</v>
      </c>
      <c r="V14" s="25">
        <f t="shared" si="20"/>
        <v>1</v>
      </c>
      <c r="W14" s="25">
        <f t="shared" si="20"/>
        <v>1</v>
      </c>
      <c r="X14" s="25">
        <f t="shared" si="20"/>
        <v>1</v>
      </c>
      <c r="Y14" s="25">
        <f t="shared" si="20"/>
        <v>1</v>
      </c>
      <c r="Z14" s="25">
        <f t="shared" si="20"/>
        <v>0</v>
      </c>
      <c r="AA14" s="25">
        <f t="shared" si="20"/>
        <v>0</v>
      </c>
      <c r="AB14" s="25">
        <f t="shared" si="20"/>
        <v>0</v>
      </c>
      <c r="AC14" s="25">
        <f t="shared" si="20"/>
        <v>0</v>
      </c>
      <c r="AD14" s="25">
        <f t="shared" si="20"/>
        <v>0</v>
      </c>
      <c r="AE14" s="25">
        <f t="shared" si="20"/>
        <v>0</v>
      </c>
      <c r="AF14" s="25">
        <f t="shared" si="20"/>
        <v>0</v>
      </c>
      <c r="AG14" s="25">
        <f t="shared" si="20"/>
        <v>0</v>
      </c>
      <c r="AH14" s="25">
        <f t="shared" si="20"/>
        <v>0</v>
      </c>
      <c r="AI14" s="25">
        <f t="shared" si="20"/>
        <v>0</v>
      </c>
      <c r="AJ14" s="25">
        <f t="shared" si="20"/>
        <v>0</v>
      </c>
      <c r="AK14" s="25">
        <f t="shared" si="20"/>
        <v>0</v>
      </c>
      <c r="AL14" s="25">
        <f t="shared" si="20"/>
        <v>0</v>
      </c>
      <c r="AM14" s="25">
        <f t="shared" si="20"/>
        <v>0</v>
      </c>
      <c r="AN14" s="25">
        <f t="shared" si="20"/>
        <v>0</v>
      </c>
      <c r="AO14" s="25">
        <f t="shared" ref="AO14:BH14" si="21">(AO2&gt;=$E14)*AND(AO2&lt;=$F14)</f>
        <v>0</v>
      </c>
      <c r="AP14" s="25">
        <f t="shared" si="21"/>
        <v>0</v>
      </c>
      <c r="AQ14" s="25">
        <f t="shared" si="21"/>
        <v>0</v>
      </c>
      <c r="AR14" s="25">
        <f t="shared" si="21"/>
        <v>0</v>
      </c>
      <c r="AS14" s="25">
        <f t="shared" si="21"/>
        <v>0</v>
      </c>
      <c r="AT14" s="25">
        <f t="shared" si="21"/>
        <v>0</v>
      </c>
      <c r="AU14" s="25">
        <f t="shared" si="21"/>
        <v>0</v>
      </c>
      <c r="AV14" s="25">
        <f t="shared" si="21"/>
        <v>0</v>
      </c>
      <c r="AW14" s="25">
        <f t="shared" si="21"/>
        <v>0</v>
      </c>
      <c r="AX14" s="25">
        <f t="shared" si="21"/>
        <v>0</v>
      </c>
      <c r="AY14" s="25">
        <f t="shared" si="21"/>
        <v>0</v>
      </c>
      <c r="AZ14" s="25">
        <f t="shared" si="21"/>
        <v>0</v>
      </c>
      <c r="BA14" s="25">
        <f t="shared" si="21"/>
        <v>0</v>
      </c>
      <c r="BB14" s="25">
        <f t="shared" si="21"/>
        <v>0</v>
      </c>
      <c r="BC14" s="25">
        <f t="shared" si="21"/>
        <v>0</v>
      </c>
      <c r="BD14" s="25">
        <f t="shared" si="21"/>
        <v>0</v>
      </c>
      <c r="BE14" s="25">
        <f t="shared" si="21"/>
        <v>0</v>
      </c>
      <c r="BF14" s="25">
        <f t="shared" si="21"/>
        <v>0</v>
      </c>
      <c r="BG14" s="25">
        <f t="shared" si="21"/>
        <v>0</v>
      </c>
      <c r="BH14" s="26">
        <f t="shared" si="21"/>
        <v>0</v>
      </c>
    </row>
    <row r="15" spans="1:60" ht="30" customHeight="1">
      <c r="A15" s="118"/>
      <c r="B15" s="120"/>
      <c r="C15" s="63" t="s">
        <v>63</v>
      </c>
      <c r="D15" s="68" t="s">
        <v>20</v>
      </c>
      <c r="E15" s="66">
        <v>46146</v>
      </c>
      <c r="F15" s="66">
        <v>46216</v>
      </c>
      <c r="G15" s="67"/>
      <c r="H15" s="69" t="s">
        <v>113</v>
      </c>
      <c r="I15" s="25">
        <f t="shared" ref="I15:AN15" si="22">(I2&gt;=$E15)*AND(I2&lt;=$F15)</f>
        <v>0</v>
      </c>
      <c r="J15" s="25">
        <f t="shared" si="22"/>
        <v>0</v>
      </c>
      <c r="K15" s="25">
        <f t="shared" si="22"/>
        <v>0</v>
      </c>
      <c r="L15" s="25">
        <f t="shared" si="22"/>
        <v>0</v>
      </c>
      <c r="M15" s="25">
        <f t="shared" si="22"/>
        <v>0</v>
      </c>
      <c r="N15" s="25">
        <f t="shared" si="22"/>
        <v>0</v>
      </c>
      <c r="O15" s="25">
        <f t="shared" si="22"/>
        <v>0</v>
      </c>
      <c r="P15" s="25">
        <f t="shared" si="22"/>
        <v>0</v>
      </c>
      <c r="Q15" s="25">
        <f t="shared" si="22"/>
        <v>0</v>
      </c>
      <c r="R15" s="25">
        <f t="shared" si="22"/>
        <v>0</v>
      </c>
      <c r="S15" s="25">
        <f t="shared" si="22"/>
        <v>0</v>
      </c>
      <c r="T15" s="25">
        <f t="shared" si="22"/>
        <v>0</v>
      </c>
      <c r="U15" s="25">
        <f t="shared" si="22"/>
        <v>0</v>
      </c>
      <c r="V15" s="25">
        <f t="shared" si="22"/>
        <v>0</v>
      </c>
      <c r="W15" s="25">
        <f t="shared" si="22"/>
        <v>0</v>
      </c>
      <c r="X15" s="25">
        <f t="shared" si="22"/>
        <v>0</v>
      </c>
      <c r="Y15" s="25">
        <f t="shared" si="22"/>
        <v>0</v>
      </c>
      <c r="Z15" s="25">
        <f t="shared" si="22"/>
        <v>1</v>
      </c>
      <c r="AA15" s="25">
        <f t="shared" si="22"/>
        <v>1</v>
      </c>
      <c r="AB15" s="25">
        <f t="shared" si="22"/>
        <v>1</v>
      </c>
      <c r="AC15" s="25">
        <f t="shared" si="22"/>
        <v>1</v>
      </c>
      <c r="AD15" s="25">
        <f t="shared" si="22"/>
        <v>1</v>
      </c>
      <c r="AE15" s="25">
        <f t="shared" si="22"/>
        <v>1</v>
      </c>
      <c r="AF15" s="25">
        <f t="shared" si="22"/>
        <v>1</v>
      </c>
      <c r="AG15" s="25">
        <f t="shared" si="22"/>
        <v>1</v>
      </c>
      <c r="AH15" s="25">
        <f t="shared" si="22"/>
        <v>1</v>
      </c>
      <c r="AI15" s="25">
        <f t="shared" si="22"/>
        <v>1</v>
      </c>
      <c r="AJ15" s="25">
        <f t="shared" si="22"/>
        <v>1</v>
      </c>
      <c r="AK15" s="25">
        <f t="shared" si="22"/>
        <v>0</v>
      </c>
      <c r="AL15" s="25">
        <f t="shared" si="22"/>
        <v>0</v>
      </c>
      <c r="AM15" s="25">
        <f t="shared" si="22"/>
        <v>0</v>
      </c>
      <c r="AN15" s="25">
        <f t="shared" si="22"/>
        <v>0</v>
      </c>
      <c r="AO15" s="25">
        <f t="shared" ref="AO15:BH15" si="23">(AO2&gt;=$E15)*AND(AO2&lt;=$F15)</f>
        <v>0</v>
      </c>
      <c r="AP15" s="25">
        <f t="shared" si="23"/>
        <v>0</v>
      </c>
      <c r="AQ15" s="25">
        <f t="shared" si="23"/>
        <v>0</v>
      </c>
      <c r="AR15" s="25">
        <f t="shared" si="23"/>
        <v>0</v>
      </c>
      <c r="AS15" s="25">
        <f t="shared" si="23"/>
        <v>0</v>
      </c>
      <c r="AT15" s="25">
        <f t="shared" si="23"/>
        <v>0</v>
      </c>
      <c r="AU15" s="25">
        <f t="shared" si="23"/>
        <v>0</v>
      </c>
      <c r="AV15" s="25">
        <f t="shared" si="23"/>
        <v>0</v>
      </c>
      <c r="AW15" s="25">
        <f t="shared" si="23"/>
        <v>0</v>
      </c>
      <c r="AX15" s="25">
        <f t="shared" si="23"/>
        <v>0</v>
      </c>
      <c r="AY15" s="25">
        <f t="shared" si="23"/>
        <v>0</v>
      </c>
      <c r="AZ15" s="25">
        <f t="shared" si="23"/>
        <v>0</v>
      </c>
      <c r="BA15" s="25">
        <f t="shared" si="23"/>
        <v>0</v>
      </c>
      <c r="BB15" s="25">
        <f t="shared" si="23"/>
        <v>0</v>
      </c>
      <c r="BC15" s="25">
        <f t="shared" si="23"/>
        <v>0</v>
      </c>
      <c r="BD15" s="25">
        <f t="shared" si="23"/>
        <v>0</v>
      </c>
      <c r="BE15" s="25">
        <f t="shared" si="23"/>
        <v>0</v>
      </c>
      <c r="BF15" s="25">
        <f t="shared" si="23"/>
        <v>0</v>
      </c>
      <c r="BG15" s="25">
        <f t="shared" si="23"/>
        <v>0</v>
      </c>
      <c r="BH15" s="26">
        <f t="shared" si="23"/>
        <v>0</v>
      </c>
    </row>
    <row r="16" spans="1:60" ht="30" customHeight="1">
      <c r="A16" s="118"/>
      <c r="B16" s="120"/>
      <c r="C16" s="63" t="s">
        <v>64</v>
      </c>
      <c r="D16" s="64" t="s">
        <v>109</v>
      </c>
      <c r="E16" s="66">
        <f>I2</f>
        <v>46027</v>
      </c>
      <c r="F16" s="66">
        <f>AH2</f>
        <v>46202</v>
      </c>
      <c r="G16" s="67"/>
      <c r="H16" s="69" t="s">
        <v>114</v>
      </c>
      <c r="I16" s="25">
        <f t="shared" ref="I16:AN16" si="24">(I2&gt;=$E16)*AND(I2&lt;=$F16)</f>
        <v>1</v>
      </c>
      <c r="J16" s="25">
        <f t="shared" si="24"/>
        <v>1</v>
      </c>
      <c r="K16" s="25">
        <f t="shared" si="24"/>
        <v>1</v>
      </c>
      <c r="L16" s="25">
        <f t="shared" si="24"/>
        <v>1</v>
      </c>
      <c r="M16" s="25">
        <f t="shared" si="24"/>
        <v>1</v>
      </c>
      <c r="N16" s="25">
        <f t="shared" si="24"/>
        <v>1</v>
      </c>
      <c r="O16" s="25">
        <f t="shared" si="24"/>
        <v>1</v>
      </c>
      <c r="P16" s="25">
        <f t="shared" si="24"/>
        <v>1</v>
      </c>
      <c r="Q16" s="25">
        <f t="shared" si="24"/>
        <v>1</v>
      </c>
      <c r="R16" s="25">
        <f t="shared" si="24"/>
        <v>1</v>
      </c>
      <c r="S16" s="25">
        <f t="shared" si="24"/>
        <v>1</v>
      </c>
      <c r="T16" s="25">
        <f t="shared" si="24"/>
        <v>1</v>
      </c>
      <c r="U16" s="25">
        <f t="shared" si="24"/>
        <v>1</v>
      </c>
      <c r="V16" s="25">
        <f t="shared" si="24"/>
        <v>1</v>
      </c>
      <c r="W16" s="25">
        <f t="shared" si="24"/>
        <v>1</v>
      </c>
      <c r="X16" s="25">
        <f t="shared" si="24"/>
        <v>1</v>
      </c>
      <c r="Y16" s="25">
        <f t="shared" si="24"/>
        <v>1</v>
      </c>
      <c r="Z16" s="25">
        <f t="shared" si="24"/>
        <v>1</v>
      </c>
      <c r="AA16" s="25">
        <f t="shared" si="24"/>
        <v>1</v>
      </c>
      <c r="AB16" s="25">
        <f t="shared" si="24"/>
        <v>1</v>
      </c>
      <c r="AC16" s="25">
        <f t="shared" si="24"/>
        <v>1</v>
      </c>
      <c r="AD16" s="25">
        <f t="shared" si="24"/>
        <v>1</v>
      </c>
      <c r="AE16" s="25">
        <f t="shared" si="24"/>
        <v>1</v>
      </c>
      <c r="AF16" s="25">
        <f t="shared" si="24"/>
        <v>1</v>
      </c>
      <c r="AG16" s="25">
        <f t="shared" si="24"/>
        <v>1</v>
      </c>
      <c r="AH16" s="25">
        <f t="shared" si="24"/>
        <v>1</v>
      </c>
      <c r="AI16" s="25">
        <f t="shared" si="24"/>
        <v>0</v>
      </c>
      <c r="AJ16" s="25">
        <f t="shared" si="24"/>
        <v>0</v>
      </c>
      <c r="AK16" s="25">
        <f t="shared" si="24"/>
        <v>0</v>
      </c>
      <c r="AL16" s="25">
        <f t="shared" si="24"/>
        <v>0</v>
      </c>
      <c r="AM16" s="25">
        <f t="shared" si="24"/>
        <v>0</v>
      </c>
      <c r="AN16" s="25">
        <f t="shared" si="24"/>
        <v>0</v>
      </c>
      <c r="AO16" s="25">
        <f t="shared" ref="AO16:BH16" si="25">(AO2&gt;=$E16)*AND(AO2&lt;=$F16)</f>
        <v>0</v>
      </c>
      <c r="AP16" s="25">
        <f t="shared" si="25"/>
        <v>0</v>
      </c>
      <c r="AQ16" s="25">
        <f t="shared" si="25"/>
        <v>0</v>
      </c>
      <c r="AR16" s="25">
        <f t="shared" si="25"/>
        <v>0</v>
      </c>
      <c r="AS16" s="25">
        <f t="shared" si="25"/>
        <v>0</v>
      </c>
      <c r="AT16" s="25">
        <f t="shared" si="25"/>
        <v>0</v>
      </c>
      <c r="AU16" s="25">
        <f t="shared" si="25"/>
        <v>0</v>
      </c>
      <c r="AV16" s="25">
        <f t="shared" si="25"/>
        <v>0</v>
      </c>
      <c r="AW16" s="25">
        <f t="shared" si="25"/>
        <v>0</v>
      </c>
      <c r="AX16" s="25">
        <f t="shared" si="25"/>
        <v>0</v>
      </c>
      <c r="AY16" s="25">
        <f t="shared" si="25"/>
        <v>0</v>
      </c>
      <c r="AZ16" s="25">
        <f t="shared" si="25"/>
        <v>0</v>
      </c>
      <c r="BA16" s="25">
        <f t="shared" si="25"/>
        <v>0</v>
      </c>
      <c r="BB16" s="25">
        <f t="shared" si="25"/>
        <v>0</v>
      </c>
      <c r="BC16" s="25">
        <f t="shared" si="25"/>
        <v>0</v>
      </c>
      <c r="BD16" s="25">
        <f t="shared" si="25"/>
        <v>0</v>
      </c>
      <c r="BE16" s="25">
        <f t="shared" si="25"/>
        <v>0</v>
      </c>
      <c r="BF16" s="25">
        <f t="shared" si="25"/>
        <v>0</v>
      </c>
      <c r="BG16" s="25">
        <f t="shared" si="25"/>
        <v>0</v>
      </c>
      <c r="BH16" s="26">
        <f t="shared" si="25"/>
        <v>0</v>
      </c>
    </row>
    <row r="17" spans="1:60" ht="30" customHeight="1">
      <c r="A17" s="118"/>
      <c r="B17" s="120"/>
      <c r="C17" s="63" t="s">
        <v>65</v>
      </c>
      <c r="D17" s="68" t="s">
        <v>20</v>
      </c>
      <c r="E17" s="66">
        <v>46111</v>
      </c>
      <c r="F17" s="66">
        <v>46216</v>
      </c>
      <c r="G17" s="67"/>
      <c r="H17" s="67" t="s">
        <v>115</v>
      </c>
      <c r="I17" s="25">
        <f t="shared" ref="I17:AN17" si="26">(I2&gt;=$E17)*AND(I2&lt;=$F17)</f>
        <v>0</v>
      </c>
      <c r="J17" s="25">
        <f t="shared" si="26"/>
        <v>0</v>
      </c>
      <c r="K17" s="25">
        <f t="shared" si="26"/>
        <v>0</v>
      </c>
      <c r="L17" s="25">
        <f t="shared" si="26"/>
        <v>0</v>
      </c>
      <c r="M17" s="25">
        <f t="shared" si="26"/>
        <v>0</v>
      </c>
      <c r="N17" s="25">
        <f t="shared" si="26"/>
        <v>0</v>
      </c>
      <c r="O17" s="25">
        <f t="shared" si="26"/>
        <v>0</v>
      </c>
      <c r="P17" s="25">
        <f t="shared" si="26"/>
        <v>0</v>
      </c>
      <c r="Q17" s="25">
        <f t="shared" si="26"/>
        <v>0</v>
      </c>
      <c r="R17" s="25">
        <f t="shared" si="26"/>
        <v>0</v>
      </c>
      <c r="S17" s="25">
        <f t="shared" si="26"/>
        <v>0</v>
      </c>
      <c r="T17" s="25">
        <f t="shared" si="26"/>
        <v>0</v>
      </c>
      <c r="U17" s="25">
        <f t="shared" si="26"/>
        <v>1</v>
      </c>
      <c r="V17" s="25">
        <f t="shared" si="26"/>
        <v>1</v>
      </c>
      <c r="W17" s="25">
        <f t="shared" si="26"/>
        <v>1</v>
      </c>
      <c r="X17" s="25">
        <f t="shared" si="26"/>
        <v>1</v>
      </c>
      <c r="Y17" s="25">
        <f t="shared" si="26"/>
        <v>1</v>
      </c>
      <c r="Z17" s="25">
        <f t="shared" si="26"/>
        <v>1</v>
      </c>
      <c r="AA17" s="25">
        <f t="shared" si="26"/>
        <v>1</v>
      </c>
      <c r="AB17" s="25">
        <f t="shared" si="26"/>
        <v>1</v>
      </c>
      <c r="AC17" s="25">
        <f t="shared" si="26"/>
        <v>1</v>
      </c>
      <c r="AD17" s="25">
        <f t="shared" si="26"/>
        <v>1</v>
      </c>
      <c r="AE17" s="25">
        <f t="shared" si="26"/>
        <v>1</v>
      </c>
      <c r="AF17" s="25">
        <f t="shared" si="26"/>
        <v>1</v>
      </c>
      <c r="AG17" s="25">
        <f t="shared" si="26"/>
        <v>1</v>
      </c>
      <c r="AH17" s="25">
        <f t="shared" si="26"/>
        <v>1</v>
      </c>
      <c r="AI17" s="25">
        <f t="shared" si="26"/>
        <v>1</v>
      </c>
      <c r="AJ17" s="25">
        <f t="shared" si="26"/>
        <v>1</v>
      </c>
      <c r="AK17" s="25">
        <f t="shared" si="26"/>
        <v>0</v>
      </c>
      <c r="AL17" s="25">
        <f t="shared" si="26"/>
        <v>0</v>
      </c>
      <c r="AM17" s="25">
        <f t="shared" si="26"/>
        <v>0</v>
      </c>
      <c r="AN17" s="25">
        <f t="shared" si="26"/>
        <v>0</v>
      </c>
      <c r="AO17" s="25">
        <f t="shared" ref="AO17:BH17" si="27">(AO2&gt;=$E17)*AND(AO2&lt;=$F17)</f>
        <v>0</v>
      </c>
      <c r="AP17" s="25">
        <f t="shared" si="27"/>
        <v>0</v>
      </c>
      <c r="AQ17" s="25">
        <f t="shared" si="27"/>
        <v>0</v>
      </c>
      <c r="AR17" s="25">
        <f t="shared" si="27"/>
        <v>0</v>
      </c>
      <c r="AS17" s="25">
        <f t="shared" si="27"/>
        <v>0</v>
      </c>
      <c r="AT17" s="25">
        <f t="shared" si="27"/>
        <v>0</v>
      </c>
      <c r="AU17" s="25">
        <f t="shared" si="27"/>
        <v>0</v>
      </c>
      <c r="AV17" s="25">
        <f t="shared" si="27"/>
        <v>0</v>
      </c>
      <c r="AW17" s="25">
        <f t="shared" si="27"/>
        <v>0</v>
      </c>
      <c r="AX17" s="25">
        <f t="shared" si="27"/>
        <v>0</v>
      </c>
      <c r="AY17" s="25">
        <f t="shared" si="27"/>
        <v>0</v>
      </c>
      <c r="AZ17" s="25">
        <f t="shared" si="27"/>
        <v>0</v>
      </c>
      <c r="BA17" s="25">
        <f t="shared" si="27"/>
        <v>0</v>
      </c>
      <c r="BB17" s="25">
        <f t="shared" si="27"/>
        <v>0</v>
      </c>
      <c r="BC17" s="25">
        <f t="shared" si="27"/>
        <v>0</v>
      </c>
      <c r="BD17" s="25">
        <f t="shared" si="27"/>
        <v>0</v>
      </c>
      <c r="BE17" s="25">
        <f t="shared" si="27"/>
        <v>0</v>
      </c>
      <c r="BF17" s="25">
        <f t="shared" si="27"/>
        <v>0</v>
      </c>
      <c r="BG17" s="25">
        <f t="shared" si="27"/>
        <v>0</v>
      </c>
      <c r="BH17" s="26">
        <f t="shared" si="27"/>
        <v>0</v>
      </c>
    </row>
    <row r="18" spans="1:60" ht="30" customHeight="1">
      <c r="A18" s="118"/>
      <c r="B18" s="120"/>
      <c r="C18" s="63" t="s">
        <v>66</v>
      </c>
      <c r="D18" s="64" t="s">
        <v>109</v>
      </c>
      <c r="E18" s="70">
        <f>I9</f>
        <v>1</v>
      </c>
      <c r="F18" s="66">
        <v>46111</v>
      </c>
      <c r="G18" s="67"/>
      <c r="H18" s="69" t="s">
        <v>116</v>
      </c>
      <c r="I18" s="25">
        <f t="shared" ref="I18:AN18" si="28">(I2&gt;=$E18)*AND(I2&lt;=$F18)</f>
        <v>1</v>
      </c>
      <c r="J18" s="25">
        <f t="shared" si="28"/>
        <v>1</v>
      </c>
      <c r="K18" s="25">
        <f t="shared" si="28"/>
        <v>1</v>
      </c>
      <c r="L18" s="25">
        <f t="shared" si="28"/>
        <v>1</v>
      </c>
      <c r="M18" s="25">
        <f t="shared" si="28"/>
        <v>1</v>
      </c>
      <c r="N18" s="25">
        <f t="shared" si="28"/>
        <v>1</v>
      </c>
      <c r="O18" s="25">
        <f t="shared" si="28"/>
        <v>1</v>
      </c>
      <c r="P18" s="25">
        <f t="shared" si="28"/>
        <v>1</v>
      </c>
      <c r="Q18" s="25">
        <f t="shared" si="28"/>
        <v>1</v>
      </c>
      <c r="R18" s="25">
        <f t="shared" si="28"/>
        <v>1</v>
      </c>
      <c r="S18" s="25">
        <f t="shared" si="28"/>
        <v>1</v>
      </c>
      <c r="T18" s="25">
        <f t="shared" si="28"/>
        <v>1</v>
      </c>
      <c r="U18" s="25">
        <f t="shared" si="28"/>
        <v>1</v>
      </c>
      <c r="V18" s="25">
        <f t="shared" si="28"/>
        <v>0</v>
      </c>
      <c r="W18" s="25">
        <f t="shared" si="28"/>
        <v>0</v>
      </c>
      <c r="X18" s="25">
        <f t="shared" si="28"/>
        <v>0</v>
      </c>
      <c r="Y18" s="25">
        <f t="shared" si="28"/>
        <v>0</v>
      </c>
      <c r="Z18" s="25">
        <f t="shared" si="28"/>
        <v>0</v>
      </c>
      <c r="AA18" s="25">
        <f t="shared" si="28"/>
        <v>0</v>
      </c>
      <c r="AB18" s="25">
        <f t="shared" si="28"/>
        <v>0</v>
      </c>
      <c r="AC18" s="25">
        <f t="shared" si="28"/>
        <v>0</v>
      </c>
      <c r="AD18" s="25">
        <f t="shared" si="28"/>
        <v>0</v>
      </c>
      <c r="AE18" s="25">
        <f t="shared" si="28"/>
        <v>0</v>
      </c>
      <c r="AF18" s="25">
        <f t="shared" si="28"/>
        <v>0</v>
      </c>
      <c r="AG18" s="25">
        <f t="shared" si="28"/>
        <v>0</v>
      </c>
      <c r="AH18" s="25">
        <f t="shared" si="28"/>
        <v>0</v>
      </c>
      <c r="AI18" s="25">
        <f t="shared" si="28"/>
        <v>0</v>
      </c>
      <c r="AJ18" s="25">
        <f t="shared" si="28"/>
        <v>0</v>
      </c>
      <c r="AK18" s="25">
        <f t="shared" si="28"/>
        <v>0</v>
      </c>
      <c r="AL18" s="25">
        <f t="shared" si="28"/>
        <v>0</v>
      </c>
      <c r="AM18" s="25">
        <f t="shared" si="28"/>
        <v>0</v>
      </c>
      <c r="AN18" s="25">
        <f t="shared" si="28"/>
        <v>0</v>
      </c>
      <c r="AO18" s="25">
        <f t="shared" ref="AO18:BH18" si="29">(AO2&gt;=$E18)*AND(AO2&lt;=$F18)</f>
        <v>0</v>
      </c>
      <c r="AP18" s="25">
        <f t="shared" si="29"/>
        <v>0</v>
      </c>
      <c r="AQ18" s="25">
        <f t="shared" si="29"/>
        <v>0</v>
      </c>
      <c r="AR18" s="25">
        <f t="shared" si="29"/>
        <v>0</v>
      </c>
      <c r="AS18" s="25">
        <f t="shared" si="29"/>
        <v>0</v>
      </c>
      <c r="AT18" s="25">
        <f t="shared" si="29"/>
        <v>0</v>
      </c>
      <c r="AU18" s="25">
        <f t="shared" si="29"/>
        <v>0</v>
      </c>
      <c r="AV18" s="25">
        <f t="shared" si="29"/>
        <v>0</v>
      </c>
      <c r="AW18" s="25">
        <f t="shared" si="29"/>
        <v>0</v>
      </c>
      <c r="AX18" s="25">
        <f t="shared" si="29"/>
        <v>0</v>
      </c>
      <c r="AY18" s="25">
        <f t="shared" si="29"/>
        <v>0</v>
      </c>
      <c r="AZ18" s="25">
        <f t="shared" si="29"/>
        <v>0</v>
      </c>
      <c r="BA18" s="25">
        <f t="shared" si="29"/>
        <v>0</v>
      </c>
      <c r="BB18" s="25">
        <f t="shared" si="29"/>
        <v>0</v>
      </c>
      <c r="BC18" s="25">
        <f t="shared" si="29"/>
        <v>0</v>
      </c>
      <c r="BD18" s="25">
        <f t="shared" si="29"/>
        <v>0</v>
      </c>
      <c r="BE18" s="25">
        <f t="shared" si="29"/>
        <v>0</v>
      </c>
      <c r="BF18" s="25">
        <f t="shared" si="29"/>
        <v>0</v>
      </c>
      <c r="BG18" s="25">
        <f t="shared" si="29"/>
        <v>0</v>
      </c>
      <c r="BH18" s="26">
        <f t="shared" si="29"/>
        <v>0</v>
      </c>
    </row>
    <row r="19" spans="1:60" ht="30" customHeight="1">
      <c r="A19" s="118"/>
      <c r="B19" s="120"/>
      <c r="C19" s="63" t="s">
        <v>67</v>
      </c>
      <c r="D19" s="64" t="s">
        <v>109</v>
      </c>
      <c r="E19" s="66">
        <v>46023</v>
      </c>
      <c r="F19" s="66">
        <v>46055</v>
      </c>
      <c r="G19" s="67"/>
      <c r="H19" s="67" t="s">
        <v>117</v>
      </c>
      <c r="I19" s="25">
        <f t="shared" ref="I19:AN19" si="30">(I2&gt;=$E19)*AND(I2&lt;=$F19)</f>
        <v>1</v>
      </c>
      <c r="J19" s="25">
        <f t="shared" si="30"/>
        <v>1</v>
      </c>
      <c r="K19" s="25">
        <f t="shared" si="30"/>
        <v>1</v>
      </c>
      <c r="L19" s="25">
        <f t="shared" si="30"/>
        <v>1</v>
      </c>
      <c r="M19" s="25">
        <f t="shared" si="30"/>
        <v>1</v>
      </c>
      <c r="N19" s="25">
        <f t="shared" si="30"/>
        <v>0</v>
      </c>
      <c r="O19" s="25">
        <f t="shared" si="30"/>
        <v>0</v>
      </c>
      <c r="P19" s="25">
        <f t="shared" si="30"/>
        <v>0</v>
      </c>
      <c r="Q19" s="25">
        <f t="shared" si="30"/>
        <v>0</v>
      </c>
      <c r="R19" s="25">
        <f t="shared" si="30"/>
        <v>0</v>
      </c>
      <c r="S19" s="25">
        <f t="shared" si="30"/>
        <v>0</v>
      </c>
      <c r="T19" s="25">
        <f t="shared" si="30"/>
        <v>0</v>
      </c>
      <c r="U19" s="25">
        <f t="shared" si="30"/>
        <v>0</v>
      </c>
      <c r="V19" s="25">
        <f t="shared" si="30"/>
        <v>0</v>
      </c>
      <c r="W19" s="25">
        <f t="shared" si="30"/>
        <v>0</v>
      </c>
      <c r="X19" s="25">
        <f t="shared" si="30"/>
        <v>0</v>
      </c>
      <c r="Y19" s="25">
        <f t="shared" si="30"/>
        <v>0</v>
      </c>
      <c r="Z19" s="25">
        <f t="shared" si="30"/>
        <v>0</v>
      </c>
      <c r="AA19" s="25">
        <f t="shared" si="30"/>
        <v>0</v>
      </c>
      <c r="AB19" s="25">
        <f t="shared" si="30"/>
        <v>0</v>
      </c>
      <c r="AC19" s="25">
        <f t="shared" si="30"/>
        <v>0</v>
      </c>
      <c r="AD19" s="25">
        <f t="shared" si="30"/>
        <v>0</v>
      </c>
      <c r="AE19" s="25">
        <f t="shared" si="30"/>
        <v>0</v>
      </c>
      <c r="AF19" s="25">
        <f t="shared" si="30"/>
        <v>0</v>
      </c>
      <c r="AG19" s="25">
        <f t="shared" si="30"/>
        <v>0</v>
      </c>
      <c r="AH19" s="25">
        <f t="shared" si="30"/>
        <v>0</v>
      </c>
      <c r="AI19" s="25">
        <f t="shared" si="30"/>
        <v>0</v>
      </c>
      <c r="AJ19" s="25">
        <f t="shared" si="30"/>
        <v>0</v>
      </c>
      <c r="AK19" s="25">
        <f t="shared" si="30"/>
        <v>0</v>
      </c>
      <c r="AL19" s="25">
        <f t="shared" si="30"/>
        <v>0</v>
      </c>
      <c r="AM19" s="25">
        <f t="shared" si="30"/>
        <v>0</v>
      </c>
      <c r="AN19" s="25">
        <f t="shared" si="30"/>
        <v>0</v>
      </c>
      <c r="AO19" s="25">
        <f t="shared" ref="AO19:BH19" si="31">(AO2&gt;=$E19)*AND(AO2&lt;=$F19)</f>
        <v>0</v>
      </c>
      <c r="AP19" s="25">
        <f t="shared" si="31"/>
        <v>0</v>
      </c>
      <c r="AQ19" s="25">
        <f t="shared" si="31"/>
        <v>0</v>
      </c>
      <c r="AR19" s="25">
        <f t="shared" si="31"/>
        <v>0</v>
      </c>
      <c r="AS19" s="25">
        <f t="shared" si="31"/>
        <v>0</v>
      </c>
      <c r="AT19" s="25">
        <f t="shared" si="31"/>
        <v>0</v>
      </c>
      <c r="AU19" s="25">
        <f t="shared" si="31"/>
        <v>0</v>
      </c>
      <c r="AV19" s="25">
        <f t="shared" si="31"/>
        <v>0</v>
      </c>
      <c r="AW19" s="25">
        <f t="shared" si="31"/>
        <v>0</v>
      </c>
      <c r="AX19" s="25">
        <f t="shared" si="31"/>
        <v>0</v>
      </c>
      <c r="AY19" s="25">
        <f t="shared" si="31"/>
        <v>0</v>
      </c>
      <c r="AZ19" s="25">
        <f t="shared" si="31"/>
        <v>0</v>
      </c>
      <c r="BA19" s="25">
        <f t="shared" si="31"/>
        <v>0</v>
      </c>
      <c r="BB19" s="25">
        <f t="shared" si="31"/>
        <v>0</v>
      </c>
      <c r="BC19" s="25">
        <f t="shared" si="31"/>
        <v>0</v>
      </c>
      <c r="BD19" s="25">
        <f t="shared" si="31"/>
        <v>0</v>
      </c>
      <c r="BE19" s="25">
        <f t="shared" si="31"/>
        <v>0</v>
      </c>
      <c r="BF19" s="25">
        <f t="shared" si="31"/>
        <v>0</v>
      </c>
      <c r="BG19" s="25">
        <f t="shared" si="31"/>
        <v>0</v>
      </c>
      <c r="BH19" s="26">
        <f t="shared" si="31"/>
        <v>0</v>
      </c>
    </row>
    <row r="20" spans="1:60" ht="30" customHeight="1">
      <c r="A20" s="118"/>
      <c r="B20" s="120"/>
      <c r="C20" s="63" t="s">
        <v>68</v>
      </c>
      <c r="D20" s="68" t="s">
        <v>20</v>
      </c>
      <c r="E20" s="66">
        <f>I2</f>
        <v>46027</v>
      </c>
      <c r="F20" s="66">
        <f>T2</f>
        <v>46104</v>
      </c>
      <c r="G20" s="67"/>
      <c r="H20" s="67" t="s">
        <v>118</v>
      </c>
      <c r="I20" s="25">
        <f t="shared" ref="I20:AN20" si="32">(I2&gt;=$E20)*AND(I2&lt;=$F20)</f>
        <v>1</v>
      </c>
      <c r="J20" s="25">
        <f t="shared" si="32"/>
        <v>1</v>
      </c>
      <c r="K20" s="25">
        <f t="shared" si="32"/>
        <v>1</v>
      </c>
      <c r="L20" s="25">
        <f t="shared" si="32"/>
        <v>1</v>
      </c>
      <c r="M20" s="25">
        <f t="shared" si="32"/>
        <v>1</v>
      </c>
      <c r="N20" s="25">
        <f t="shared" si="32"/>
        <v>1</v>
      </c>
      <c r="O20" s="25">
        <f t="shared" si="32"/>
        <v>1</v>
      </c>
      <c r="P20" s="25">
        <f t="shared" si="32"/>
        <v>1</v>
      </c>
      <c r="Q20" s="25">
        <f t="shared" si="32"/>
        <v>1</v>
      </c>
      <c r="R20" s="25">
        <f t="shared" si="32"/>
        <v>1</v>
      </c>
      <c r="S20" s="25">
        <f t="shared" si="32"/>
        <v>1</v>
      </c>
      <c r="T20" s="25">
        <f t="shared" si="32"/>
        <v>1</v>
      </c>
      <c r="U20" s="25">
        <f t="shared" si="32"/>
        <v>0</v>
      </c>
      <c r="V20" s="25">
        <f t="shared" si="32"/>
        <v>0</v>
      </c>
      <c r="W20" s="25">
        <f t="shared" si="32"/>
        <v>0</v>
      </c>
      <c r="X20" s="25">
        <f t="shared" si="32"/>
        <v>0</v>
      </c>
      <c r="Y20" s="25">
        <f t="shared" si="32"/>
        <v>0</v>
      </c>
      <c r="Z20" s="25">
        <f t="shared" si="32"/>
        <v>0</v>
      </c>
      <c r="AA20" s="25">
        <f t="shared" si="32"/>
        <v>0</v>
      </c>
      <c r="AB20" s="25">
        <f t="shared" si="32"/>
        <v>0</v>
      </c>
      <c r="AC20" s="25">
        <f t="shared" si="32"/>
        <v>0</v>
      </c>
      <c r="AD20" s="25">
        <f t="shared" si="32"/>
        <v>0</v>
      </c>
      <c r="AE20" s="25">
        <f t="shared" si="32"/>
        <v>0</v>
      </c>
      <c r="AF20" s="25">
        <f t="shared" si="32"/>
        <v>0</v>
      </c>
      <c r="AG20" s="25">
        <f t="shared" si="32"/>
        <v>0</v>
      </c>
      <c r="AH20" s="25">
        <f t="shared" si="32"/>
        <v>0</v>
      </c>
      <c r="AI20" s="25">
        <f t="shared" si="32"/>
        <v>0</v>
      </c>
      <c r="AJ20" s="25">
        <f t="shared" si="32"/>
        <v>0</v>
      </c>
      <c r="AK20" s="25">
        <f t="shared" si="32"/>
        <v>0</v>
      </c>
      <c r="AL20" s="25">
        <f t="shared" si="32"/>
        <v>0</v>
      </c>
      <c r="AM20" s="25">
        <f t="shared" si="32"/>
        <v>0</v>
      </c>
      <c r="AN20" s="25">
        <f t="shared" si="32"/>
        <v>0</v>
      </c>
      <c r="AO20" s="25">
        <f t="shared" ref="AO20:BH20" si="33">(AO2&gt;=$E20)*AND(AO2&lt;=$F20)</f>
        <v>0</v>
      </c>
      <c r="AP20" s="25">
        <f t="shared" si="33"/>
        <v>0</v>
      </c>
      <c r="AQ20" s="25">
        <f t="shared" si="33"/>
        <v>0</v>
      </c>
      <c r="AR20" s="25">
        <f t="shared" si="33"/>
        <v>0</v>
      </c>
      <c r="AS20" s="25">
        <f t="shared" si="33"/>
        <v>0</v>
      </c>
      <c r="AT20" s="25">
        <f t="shared" si="33"/>
        <v>0</v>
      </c>
      <c r="AU20" s="25">
        <f t="shared" si="33"/>
        <v>0</v>
      </c>
      <c r="AV20" s="25">
        <f t="shared" si="33"/>
        <v>0</v>
      </c>
      <c r="AW20" s="25">
        <f t="shared" si="33"/>
        <v>0</v>
      </c>
      <c r="AX20" s="25">
        <f t="shared" si="33"/>
        <v>0</v>
      </c>
      <c r="AY20" s="25">
        <f t="shared" si="33"/>
        <v>0</v>
      </c>
      <c r="AZ20" s="25">
        <f t="shared" si="33"/>
        <v>0</v>
      </c>
      <c r="BA20" s="25">
        <f t="shared" si="33"/>
        <v>0</v>
      </c>
      <c r="BB20" s="25">
        <f t="shared" si="33"/>
        <v>0</v>
      </c>
      <c r="BC20" s="25">
        <f t="shared" si="33"/>
        <v>0</v>
      </c>
      <c r="BD20" s="25">
        <f t="shared" si="33"/>
        <v>0</v>
      </c>
      <c r="BE20" s="25">
        <f t="shared" si="33"/>
        <v>0</v>
      </c>
      <c r="BF20" s="25">
        <f t="shared" si="33"/>
        <v>0</v>
      </c>
      <c r="BG20" s="25">
        <f t="shared" si="33"/>
        <v>0</v>
      </c>
      <c r="BH20" s="26">
        <f t="shared" si="33"/>
        <v>0</v>
      </c>
    </row>
    <row r="21" spans="1:60" ht="68.45" customHeight="1">
      <c r="A21" s="118"/>
      <c r="B21" s="121"/>
      <c r="C21" s="63" t="s">
        <v>69</v>
      </c>
      <c r="D21" s="68" t="s">
        <v>20</v>
      </c>
      <c r="E21" s="66">
        <v>46111</v>
      </c>
      <c r="F21" s="66">
        <v>46167</v>
      </c>
      <c r="G21" s="67"/>
      <c r="H21" s="69" t="s">
        <v>119</v>
      </c>
      <c r="I21" s="25">
        <f t="shared" ref="I21:AN21" si="34">(I2&gt;=$E21)*AND(I2&lt;=$F21)</f>
        <v>0</v>
      </c>
      <c r="J21" s="25">
        <f t="shared" si="34"/>
        <v>0</v>
      </c>
      <c r="K21" s="25">
        <f t="shared" si="34"/>
        <v>0</v>
      </c>
      <c r="L21" s="25">
        <f t="shared" si="34"/>
        <v>0</v>
      </c>
      <c r="M21" s="25">
        <f t="shared" si="34"/>
        <v>0</v>
      </c>
      <c r="N21" s="25">
        <f t="shared" si="34"/>
        <v>0</v>
      </c>
      <c r="O21" s="25">
        <f t="shared" si="34"/>
        <v>0</v>
      </c>
      <c r="P21" s="25">
        <f t="shared" si="34"/>
        <v>0</v>
      </c>
      <c r="Q21" s="25">
        <f t="shared" si="34"/>
        <v>0</v>
      </c>
      <c r="R21" s="25">
        <f t="shared" si="34"/>
        <v>0</v>
      </c>
      <c r="S21" s="25">
        <f t="shared" si="34"/>
        <v>0</v>
      </c>
      <c r="T21" s="25">
        <f t="shared" si="34"/>
        <v>0</v>
      </c>
      <c r="U21" s="25">
        <f t="shared" si="34"/>
        <v>1</v>
      </c>
      <c r="V21" s="25">
        <f t="shared" si="34"/>
        <v>1</v>
      </c>
      <c r="W21" s="25">
        <f t="shared" si="34"/>
        <v>1</v>
      </c>
      <c r="X21" s="25">
        <f t="shared" si="34"/>
        <v>1</v>
      </c>
      <c r="Y21" s="25">
        <f t="shared" si="34"/>
        <v>1</v>
      </c>
      <c r="Z21" s="25">
        <f t="shared" si="34"/>
        <v>1</v>
      </c>
      <c r="AA21" s="25">
        <f t="shared" si="34"/>
        <v>1</v>
      </c>
      <c r="AB21" s="25">
        <f t="shared" si="34"/>
        <v>1</v>
      </c>
      <c r="AC21" s="25">
        <f t="shared" si="34"/>
        <v>1</v>
      </c>
      <c r="AD21" s="25">
        <f t="shared" si="34"/>
        <v>0</v>
      </c>
      <c r="AE21" s="25">
        <f t="shared" si="34"/>
        <v>0</v>
      </c>
      <c r="AF21" s="25">
        <f t="shared" si="34"/>
        <v>0</v>
      </c>
      <c r="AG21" s="25">
        <f t="shared" si="34"/>
        <v>0</v>
      </c>
      <c r="AH21" s="25">
        <f t="shared" si="34"/>
        <v>0</v>
      </c>
      <c r="AI21" s="25">
        <f t="shared" si="34"/>
        <v>0</v>
      </c>
      <c r="AJ21" s="25">
        <f t="shared" si="34"/>
        <v>0</v>
      </c>
      <c r="AK21" s="25">
        <f t="shared" si="34"/>
        <v>0</v>
      </c>
      <c r="AL21" s="25">
        <f t="shared" si="34"/>
        <v>0</v>
      </c>
      <c r="AM21" s="25">
        <f t="shared" si="34"/>
        <v>0</v>
      </c>
      <c r="AN21" s="25">
        <f t="shared" si="34"/>
        <v>0</v>
      </c>
      <c r="AO21" s="25">
        <f t="shared" ref="AO21:BH21" si="35">(AO2&gt;=$E21)*AND(AO2&lt;=$F21)</f>
        <v>0</v>
      </c>
      <c r="AP21" s="25">
        <f t="shared" si="35"/>
        <v>0</v>
      </c>
      <c r="AQ21" s="25">
        <f t="shared" si="35"/>
        <v>0</v>
      </c>
      <c r="AR21" s="25">
        <f t="shared" si="35"/>
        <v>0</v>
      </c>
      <c r="AS21" s="25">
        <f t="shared" si="35"/>
        <v>0</v>
      </c>
      <c r="AT21" s="25">
        <f t="shared" si="35"/>
        <v>0</v>
      </c>
      <c r="AU21" s="25">
        <f t="shared" si="35"/>
        <v>0</v>
      </c>
      <c r="AV21" s="25">
        <f t="shared" si="35"/>
        <v>0</v>
      </c>
      <c r="AW21" s="25">
        <f t="shared" si="35"/>
        <v>0</v>
      </c>
      <c r="AX21" s="25">
        <f t="shared" si="35"/>
        <v>0</v>
      </c>
      <c r="AY21" s="25">
        <f t="shared" si="35"/>
        <v>0</v>
      </c>
      <c r="AZ21" s="25">
        <f t="shared" si="35"/>
        <v>0</v>
      </c>
      <c r="BA21" s="25">
        <f t="shared" si="35"/>
        <v>0</v>
      </c>
      <c r="BB21" s="25">
        <f t="shared" si="35"/>
        <v>0</v>
      </c>
      <c r="BC21" s="25">
        <f t="shared" si="35"/>
        <v>0</v>
      </c>
      <c r="BD21" s="25">
        <f t="shared" si="35"/>
        <v>0</v>
      </c>
      <c r="BE21" s="25">
        <f t="shared" si="35"/>
        <v>0</v>
      </c>
      <c r="BF21" s="25">
        <f t="shared" si="35"/>
        <v>0</v>
      </c>
      <c r="BG21" s="25">
        <f t="shared" si="35"/>
        <v>0</v>
      </c>
      <c r="BH21" s="26">
        <f t="shared" si="35"/>
        <v>0</v>
      </c>
    </row>
    <row r="22" spans="1:60" s="3" customFormat="1" ht="30.95" customHeight="1">
      <c r="A22" s="118"/>
      <c r="B22" s="118" t="s">
        <v>70</v>
      </c>
      <c r="C22" s="71" t="s">
        <v>71</v>
      </c>
      <c r="D22" s="72" t="s">
        <v>102</v>
      </c>
      <c r="E22" s="73">
        <v>45936</v>
      </c>
      <c r="F22" s="73">
        <v>46230</v>
      </c>
      <c r="G22" s="72"/>
      <c r="H22" s="74"/>
      <c r="I22" s="25">
        <f t="shared" ref="I22:AN22" si="36">(I2&gt;=$E22)*AND(I2&lt;=$F22)</f>
        <v>1</v>
      </c>
      <c r="J22" s="25">
        <f t="shared" si="36"/>
        <v>1</v>
      </c>
      <c r="K22" s="25">
        <f t="shared" si="36"/>
        <v>1</v>
      </c>
      <c r="L22" s="25">
        <f t="shared" si="36"/>
        <v>1</v>
      </c>
      <c r="M22" s="25">
        <f t="shared" si="36"/>
        <v>1</v>
      </c>
      <c r="N22" s="25">
        <f t="shared" si="36"/>
        <v>1</v>
      </c>
      <c r="O22" s="25">
        <f t="shared" si="36"/>
        <v>1</v>
      </c>
      <c r="P22" s="25">
        <f t="shared" si="36"/>
        <v>1</v>
      </c>
      <c r="Q22" s="25">
        <f t="shared" si="36"/>
        <v>1</v>
      </c>
      <c r="R22" s="25">
        <f t="shared" si="36"/>
        <v>1</v>
      </c>
      <c r="S22" s="25">
        <f t="shared" si="36"/>
        <v>1</v>
      </c>
      <c r="T22" s="25">
        <f t="shared" si="36"/>
        <v>1</v>
      </c>
      <c r="U22" s="25">
        <f t="shared" si="36"/>
        <v>1</v>
      </c>
      <c r="V22" s="25">
        <f t="shared" si="36"/>
        <v>1</v>
      </c>
      <c r="W22" s="25">
        <f t="shared" si="36"/>
        <v>1</v>
      </c>
      <c r="X22" s="25">
        <f t="shared" si="36"/>
        <v>1</v>
      </c>
      <c r="Y22" s="25">
        <f t="shared" si="36"/>
        <v>1</v>
      </c>
      <c r="Z22" s="25">
        <f t="shared" si="36"/>
        <v>1</v>
      </c>
      <c r="AA22" s="25">
        <f t="shared" si="36"/>
        <v>1</v>
      </c>
      <c r="AB22" s="25">
        <f t="shared" si="36"/>
        <v>1</v>
      </c>
      <c r="AC22" s="25">
        <f t="shared" si="36"/>
        <v>1</v>
      </c>
      <c r="AD22" s="25">
        <f t="shared" si="36"/>
        <v>1</v>
      </c>
      <c r="AE22" s="25">
        <f t="shared" si="36"/>
        <v>1</v>
      </c>
      <c r="AF22" s="25">
        <f t="shared" si="36"/>
        <v>1</v>
      </c>
      <c r="AG22" s="25">
        <f t="shared" si="36"/>
        <v>1</v>
      </c>
      <c r="AH22" s="25">
        <f t="shared" si="36"/>
        <v>1</v>
      </c>
      <c r="AI22" s="25">
        <f t="shared" si="36"/>
        <v>1</v>
      </c>
      <c r="AJ22" s="25">
        <f t="shared" si="36"/>
        <v>1</v>
      </c>
      <c r="AK22" s="25">
        <f t="shared" si="36"/>
        <v>1</v>
      </c>
      <c r="AL22" s="25">
        <f t="shared" si="36"/>
        <v>1</v>
      </c>
      <c r="AM22" s="25">
        <f t="shared" si="36"/>
        <v>0</v>
      </c>
      <c r="AN22" s="25">
        <f t="shared" si="36"/>
        <v>0</v>
      </c>
      <c r="AO22" s="25">
        <f t="shared" ref="AO22:BH22" si="37">(AO2&gt;=$E22)*AND(AO2&lt;=$F22)</f>
        <v>0</v>
      </c>
      <c r="AP22" s="25">
        <f t="shared" si="37"/>
        <v>0</v>
      </c>
      <c r="AQ22" s="25">
        <f t="shared" si="37"/>
        <v>0</v>
      </c>
      <c r="AR22" s="25">
        <f t="shared" si="37"/>
        <v>0</v>
      </c>
      <c r="AS22" s="25">
        <f t="shared" si="37"/>
        <v>0</v>
      </c>
      <c r="AT22" s="25">
        <f t="shared" si="37"/>
        <v>0</v>
      </c>
      <c r="AU22" s="25">
        <f t="shared" si="37"/>
        <v>0</v>
      </c>
      <c r="AV22" s="25">
        <f t="shared" si="37"/>
        <v>0</v>
      </c>
      <c r="AW22" s="25">
        <f t="shared" si="37"/>
        <v>0</v>
      </c>
      <c r="AX22" s="25">
        <f t="shared" si="37"/>
        <v>0</v>
      </c>
      <c r="AY22" s="25">
        <f t="shared" si="37"/>
        <v>0</v>
      </c>
      <c r="AZ22" s="25">
        <f t="shared" si="37"/>
        <v>0</v>
      </c>
      <c r="BA22" s="25">
        <f t="shared" si="37"/>
        <v>0</v>
      </c>
      <c r="BB22" s="25">
        <f t="shared" si="37"/>
        <v>0</v>
      </c>
      <c r="BC22" s="25">
        <f t="shared" si="37"/>
        <v>0</v>
      </c>
      <c r="BD22" s="25">
        <f t="shared" si="37"/>
        <v>0</v>
      </c>
      <c r="BE22" s="25">
        <f t="shared" si="37"/>
        <v>0</v>
      </c>
      <c r="BF22" s="25">
        <f t="shared" si="37"/>
        <v>0</v>
      </c>
      <c r="BG22" s="25">
        <f t="shared" si="37"/>
        <v>0</v>
      </c>
      <c r="BH22" s="26">
        <f t="shared" si="37"/>
        <v>0</v>
      </c>
    </row>
    <row r="23" spans="1:60" s="3" customFormat="1" ht="46.5">
      <c r="A23" s="118"/>
      <c r="B23" s="118"/>
      <c r="C23" s="71" t="s">
        <v>72</v>
      </c>
      <c r="D23" s="72" t="s">
        <v>102</v>
      </c>
      <c r="E23" s="73">
        <f>I2</f>
        <v>46027</v>
      </c>
      <c r="F23" s="73">
        <v>46230</v>
      </c>
      <c r="G23" s="72"/>
      <c r="H23" s="74" t="s">
        <v>120</v>
      </c>
      <c r="I23" s="25">
        <f t="shared" ref="I23:AN23" si="38">(I2&gt;=$E23)*AND(I2&lt;=$F23)</f>
        <v>1</v>
      </c>
      <c r="J23" s="25">
        <f t="shared" si="38"/>
        <v>1</v>
      </c>
      <c r="K23" s="25">
        <f t="shared" si="38"/>
        <v>1</v>
      </c>
      <c r="L23" s="25">
        <f t="shared" si="38"/>
        <v>1</v>
      </c>
      <c r="M23" s="25">
        <f t="shared" si="38"/>
        <v>1</v>
      </c>
      <c r="N23" s="25">
        <f t="shared" si="38"/>
        <v>1</v>
      </c>
      <c r="O23" s="25">
        <f t="shared" si="38"/>
        <v>1</v>
      </c>
      <c r="P23" s="25">
        <f t="shared" si="38"/>
        <v>1</v>
      </c>
      <c r="Q23" s="25">
        <f t="shared" si="38"/>
        <v>1</v>
      </c>
      <c r="R23" s="25">
        <f t="shared" si="38"/>
        <v>1</v>
      </c>
      <c r="S23" s="25">
        <f t="shared" si="38"/>
        <v>1</v>
      </c>
      <c r="T23" s="25">
        <f t="shared" si="38"/>
        <v>1</v>
      </c>
      <c r="U23" s="25">
        <f t="shared" si="38"/>
        <v>1</v>
      </c>
      <c r="V23" s="25">
        <f t="shared" si="38"/>
        <v>1</v>
      </c>
      <c r="W23" s="25">
        <f t="shared" si="38"/>
        <v>1</v>
      </c>
      <c r="X23" s="25">
        <f t="shared" si="38"/>
        <v>1</v>
      </c>
      <c r="Y23" s="25">
        <f t="shared" si="38"/>
        <v>1</v>
      </c>
      <c r="Z23" s="25">
        <f t="shared" si="38"/>
        <v>1</v>
      </c>
      <c r="AA23" s="25">
        <f t="shared" si="38"/>
        <v>1</v>
      </c>
      <c r="AB23" s="25">
        <f t="shared" si="38"/>
        <v>1</v>
      </c>
      <c r="AC23" s="25">
        <f t="shared" si="38"/>
        <v>1</v>
      </c>
      <c r="AD23" s="25">
        <f t="shared" si="38"/>
        <v>1</v>
      </c>
      <c r="AE23" s="25">
        <f t="shared" si="38"/>
        <v>1</v>
      </c>
      <c r="AF23" s="25">
        <f t="shared" si="38"/>
        <v>1</v>
      </c>
      <c r="AG23" s="25">
        <f t="shared" si="38"/>
        <v>1</v>
      </c>
      <c r="AH23" s="25">
        <f t="shared" si="38"/>
        <v>1</v>
      </c>
      <c r="AI23" s="25">
        <f t="shared" si="38"/>
        <v>1</v>
      </c>
      <c r="AJ23" s="25">
        <f t="shared" si="38"/>
        <v>1</v>
      </c>
      <c r="AK23" s="25">
        <f t="shared" si="38"/>
        <v>1</v>
      </c>
      <c r="AL23" s="25">
        <f t="shared" si="38"/>
        <v>1</v>
      </c>
      <c r="AM23" s="25">
        <f t="shared" si="38"/>
        <v>0</v>
      </c>
      <c r="AN23" s="25">
        <f t="shared" si="38"/>
        <v>0</v>
      </c>
      <c r="AO23" s="25">
        <f t="shared" ref="AO23:BH23" si="39">(AO2&gt;=$E23)*AND(AO2&lt;=$F23)</f>
        <v>0</v>
      </c>
      <c r="AP23" s="25">
        <f t="shared" si="39"/>
        <v>0</v>
      </c>
      <c r="AQ23" s="25">
        <f t="shared" si="39"/>
        <v>0</v>
      </c>
      <c r="AR23" s="25">
        <f t="shared" si="39"/>
        <v>0</v>
      </c>
      <c r="AS23" s="25">
        <f t="shared" si="39"/>
        <v>0</v>
      </c>
      <c r="AT23" s="25">
        <f t="shared" si="39"/>
        <v>0</v>
      </c>
      <c r="AU23" s="25">
        <f t="shared" si="39"/>
        <v>0</v>
      </c>
      <c r="AV23" s="25">
        <f t="shared" si="39"/>
        <v>0</v>
      </c>
      <c r="AW23" s="25">
        <f t="shared" si="39"/>
        <v>0</v>
      </c>
      <c r="AX23" s="25">
        <f t="shared" si="39"/>
        <v>0</v>
      </c>
      <c r="AY23" s="25">
        <f t="shared" si="39"/>
        <v>0</v>
      </c>
      <c r="AZ23" s="25">
        <f t="shared" si="39"/>
        <v>0</v>
      </c>
      <c r="BA23" s="25">
        <f t="shared" si="39"/>
        <v>0</v>
      </c>
      <c r="BB23" s="25">
        <f t="shared" si="39"/>
        <v>0</v>
      </c>
      <c r="BC23" s="25">
        <f t="shared" si="39"/>
        <v>0</v>
      </c>
      <c r="BD23" s="25">
        <f t="shared" si="39"/>
        <v>0</v>
      </c>
      <c r="BE23" s="25">
        <f t="shared" si="39"/>
        <v>0</v>
      </c>
      <c r="BF23" s="25">
        <f t="shared" si="39"/>
        <v>0</v>
      </c>
      <c r="BG23" s="25">
        <f t="shared" si="39"/>
        <v>0</v>
      </c>
      <c r="BH23" s="26">
        <f t="shared" si="39"/>
        <v>0</v>
      </c>
    </row>
    <row r="24" spans="1:60" s="3" customFormat="1" ht="30.95" customHeight="1">
      <c r="A24" s="118"/>
      <c r="B24" s="118"/>
      <c r="C24" s="71" t="s">
        <v>73</v>
      </c>
      <c r="D24" s="72" t="s">
        <v>102</v>
      </c>
      <c r="E24" s="73">
        <f>M2</f>
        <v>46055</v>
      </c>
      <c r="F24" s="73">
        <f>AC2</f>
        <v>46167</v>
      </c>
      <c r="G24" s="72"/>
      <c r="H24" s="74" t="s">
        <v>121</v>
      </c>
      <c r="I24" s="25">
        <f t="shared" ref="I24:AN24" si="40">(I2&gt;=$E24)*AND(I2&lt;=$F24)</f>
        <v>0</v>
      </c>
      <c r="J24" s="25">
        <f t="shared" si="40"/>
        <v>0</v>
      </c>
      <c r="K24" s="25">
        <f t="shared" si="40"/>
        <v>0</v>
      </c>
      <c r="L24" s="25">
        <f t="shared" si="40"/>
        <v>0</v>
      </c>
      <c r="M24" s="25">
        <f t="shared" si="40"/>
        <v>1</v>
      </c>
      <c r="N24" s="25">
        <f t="shared" si="40"/>
        <v>1</v>
      </c>
      <c r="O24" s="25">
        <f t="shared" si="40"/>
        <v>1</v>
      </c>
      <c r="P24" s="25">
        <f t="shared" si="40"/>
        <v>1</v>
      </c>
      <c r="Q24" s="25">
        <f t="shared" si="40"/>
        <v>1</v>
      </c>
      <c r="R24" s="25">
        <f t="shared" si="40"/>
        <v>1</v>
      </c>
      <c r="S24" s="25">
        <f t="shared" si="40"/>
        <v>1</v>
      </c>
      <c r="T24" s="25">
        <f t="shared" si="40"/>
        <v>1</v>
      </c>
      <c r="U24" s="25">
        <f t="shared" si="40"/>
        <v>1</v>
      </c>
      <c r="V24" s="25">
        <f t="shared" si="40"/>
        <v>1</v>
      </c>
      <c r="W24" s="25">
        <f t="shared" si="40"/>
        <v>1</v>
      </c>
      <c r="X24" s="25">
        <f t="shared" si="40"/>
        <v>1</v>
      </c>
      <c r="Y24" s="25">
        <f t="shared" si="40"/>
        <v>1</v>
      </c>
      <c r="Z24" s="25">
        <f t="shared" si="40"/>
        <v>1</v>
      </c>
      <c r="AA24" s="25">
        <f t="shared" si="40"/>
        <v>1</v>
      </c>
      <c r="AB24" s="25">
        <f t="shared" si="40"/>
        <v>1</v>
      </c>
      <c r="AC24" s="25">
        <f t="shared" si="40"/>
        <v>1</v>
      </c>
      <c r="AD24" s="25">
        <f t="shared" si="40"/>
        <v>0</v>
      </c>
      <c r="AE24" s="25">
        <f t="shared" si="40"/>
        <v>0</v>
      </c>
      <c r="AF24" s="25">
        <f t="shared" si="40"/>
        <v>0</v>
      </c>
      <c r="AG24" s="25">
        <f t="shared" si="40"/>
        <v>0</v>
      </c>
      <c r="AH24" s="25">
        <f t="shared" si="40"/>
        <v>0</v>
      </c>
      <c r="AI24" s="25">
        <f t="shared" si="40"/>
        <v>0</v>
      </c>
      <c r="AJ24" s="25">
        <f t="shared" si="40"/>
        <v>0</v>
      </c>
      <c r="AK24" s="25">
        <f t="shared" si="40"/>
        <v>0</v>
      </c>
      <c r="AL24" s="25">
        <f t="shared" si="40"/>
        <v>0</v>
      </c>
      <c r="AM24" s="25">
        <f t="shared" si="40"/>
        <v>0</v>
      </c>
      <c r="AN24" s="25">
        <f t="shared" si="40"/>
        <v>0</v>
      </c>
      <c r="AO24" s="25">
        <f t="shared" ref="AO24:BH24" si="41">(AO2&gt;=$E24)*AND(AO2&lt;=$F24)</f>
        <v>0</v>
      </c>
      <c r="AP24" s="25">
        <f t="shared" si="41"/>
        <v>0</v>
      </c>
      <c r="AQ24" s="25">
        <f t="shared" si="41"/>
        <v>0</v>
      </c>
      <c r="AR24" s="25">
        <f t="shared" si="41"/>
        <v>0</v>
      </c>
      <c r="AS24" s="25">
        <f t="shared" si="41"/>
        <v>0</v>
      </c>
      <c r="AT24" s="25">
        <f t="shared" si="41"/>
        <v>0</v>
      </c>
      <c r="AU24" s="25">
        <f t="shared" si="41"/>
        <v>0</v>
      </c>
      <c r="AV24" s="25">
        <f t="shared" si="41"/>
        <v>0</v>
      </c>
      <c r="AW24" s="25">
        <f t="shared" si="41"/>
        <v>0</v>
      </c>
      <c r="AX24" s="25">
        <f t="shared" si="41"/>
        <v>0</v>
      </c>
      <c r="AY24" s="25">
        <f t="shared" si="41"/>
        <v>0</v>
      </c>
      <c r="AZ24" s="25">
        <f t="shared" si="41"/>
        <v>0</v>
      </c>
      <c r="BA24" s="25">
        <f t="shared" si="41"/>
        <v>0</v>
      </c>
      <c r="BB24" s="25">
        <f t="shared" si="41"/>
        <v>0</v>
      </c>
      <c r="BC24" s="25">
        <f t="shared" si="41"/>
        <v>0</v>
      </c>
      <c r="BD24" s="25">
        <f t="shared" si="41"/>
        <v>0</v>
      </c>
      <c r="BE24" s="25">
        <f t="shared" si="41"/>
        <v>0</v>
      </c>
      <c r="BF24" s="25">
        <f t="shared" si="41"/>
        <v>0</v>
      </c>
      <c r="BG24" s="25">
        <f t="shared" si="41"/>
        <v>0</v>
      </c>
      <c r="BH24" s="26">
        <f t="shared" si="41"/>
        <v>0</v>
      </c>
    </row>
    <row r="25" spans="1:60" s="3" customFormat="1" ht="30.95" customHeight="1">
      <c r="A25" s="118"/>
      <c r="B25" s="118"/>
      <c r="C25" s="71" t="s">
        <v>74</v>
      </c>
      <c r="D25" s="72" t="s">
        <v>122</v>
      </c>
      <c r="E25" s="73">
        <v>46027</v>
      </c>
      <c r="F25" s="73">
        <v>46363</v>
      </c>
      <c r="G25" s="72"/>
      <c r="H25" s="74" t="s">
        <v>123</v>
      </c>
      <c r="I25" s="25">
        <f t="shared" ref="I25:AN25" si="42">(I2&gt;=$E25)*AND(I2&lt;=$F25)</f>
        <v>1</v>
      </c>
      <c r="J25" s="25">
        <f t="shared" si="42"/>
        <v>1</v>
      </c>
      <c r="K25" s="25">
        <f t="shared" si="42"/>
        <v>1</v>
      </c>
      <c r="L25" s="25">
        <f t="shared" si="42"/>
        <v>1</v>
      </c>
      <c r="M25" s="25">
        <f t="shared" si="42"/>
        <v>1</v>
      </c>
      <c r="N25" s="25">
        <f t="shared" si="42"/>
        <v>1</v>
      </c>
      <c r="O25" s="25">
        <f t="shared" si="42"/>
        <v>1</v>
      </c>
      <c r="P25" s="25">
        <f t="shared" si="42"/>
        <v>1</v>
      </c>
      <c r="Q25" s="25">
        <f t="shared" si="42"/>
        <v>1</v>
      </c>
      <c r="R25" s="25">
        <f t="shared" si="42"/>
        <v>1</v>
      </c>
      <c r="S25" s="25">
        <f t="shared" si="42"/>
        <v>1</v>
      </c>
      <c r="T25" s="25">
        <f t="shared" si="42"/>
        <v>1</v>
      </c>
      <c r="U25" s="25">
        <f t="shared" si="42"/>
        <v>1</v>
      </c>
      <c r="V25" s="25">
        <f t="shared" si="42"/>
        <v>1</v>
      </c>
      <c r="W25" s="25">
        <f t="shared" si="42"/>
        <v>1</v>
      </c>
      <c r="X25" s="25">
        <f t="shared" si="42"/>
        <v>1</v>
      </c>
      <c r="Y25" s="25">
        <f t="shared" si="42"/>
        <v>1</v>
      </c>
      <c r="Z25" s="25">
        <f t="shared" si="42"/>
        <v>1</v>
      </c>
      <c r="AA25" s="25">
        <f t="shared" si="42"/>
        <v>1</v>
      </c>
      <c r="AB25" s="25">
        <f t="shared" si="42"/>
        <v>1</v>
      </c>
      <c r="AC25" s="25">
        <f t="shared" si="42"/>
        <v>1</v>
      </c>
      <c r="AD25" s="25">
        <f t="shared" si="42"/>
        <v>1</v>
      </c>
      <c r="AE25" s="25">
        <f t="shared" si="42"/>
        <v>1</v>
      </c>
      <c r="AF25" s="25">
        <f t="shared" si="42"/>
        <v>1</v>
      </c>
      <c r="AG25" s="25">
        <f t="shared" si="42"/>
        <v>1</v>
      </c>
      <c r="AH25" s="25">
        <f t="shared" si="42"/>
        <v>1</v>
      </c>
      <c r="AI25" s="25">
        <f t="shared" si="42"/>
        <v>1</v>
      </c>
      <c r="AJ25" s="25">
        <f t="shared" si="42"/>
        <v>1</v>
      </c>
      <c r="AK25" s="25">
        <f t="shared" si="42"/>
        <v>1</v>
      </c>
      <c r="AL25" s="25">
        <f t="shared" si="42"/>
        <v>1</v>
      </c>
      <c r="AM25" s="25">
        <f t="shared" si="42"/>
        <v>1</v>
      </c>
      <c r="AN25" s="25">
        <f t="shared" si="42"/>
        <v>1</v>
      </c>
      <c r="AO25" s="25">
        <f t="shared" ref="AO25:BH25" si="43">(AO2&gt;=$E25)*AND(AO2&lt;=$F25)</f>
        <v>1</v>
      </c>
      <c r="AP25" s="25">
        <f t="shared" si="43"/>
        <v>1</v>
      </c>
      <c r="AQ25" s="25">
        <f t="shared" si="43"/>
        <v>1</v>
      </c>
      <c r="AR25" s="25">
        <f t="shared" si="43"/>
        <v>1</v>
      </c>
      <c r="AS25" s="25">
        <f t="shared" si="43"/>
        <v>1</v>
      </c>
      <c r="AT25" s="25">
        <f t="shared" si="43"/>
        <v>1</v>
      </c>
      <c r="AU25" s="25">
        <f t="shared" si="43"/>
        <v>1</v>
      </c>
      <c r="AV25" s="25">
        <f t="shared" si="43"/>
        <v>1</v>
      </c>
      <c r="AW25" s="25">
        <f t="shared" si="43"/>
        <v>1</v>
      </c>
      <c r="AX25" s="25">
        <f t="shared" si="43"/>
        <v>1</v>
      </c>
      <c r="AY25" s="25">
        <f t="shared" si="43"/>
        <v>1</v>
      </c>
      <c r="AZ25" s="25">
        <f t="shared" si="43"/>
        <v>1</v>
      </c>
      <c r="BA25" s="25">
        <f t="shared" si="43"/>
        <v>1</v>
      </c>
      <c r="BB25" s="25">
        <f t="shared" si="43"/>
        <v>1</v>
      </c>
      <c r="BC25" s="25">
        <f t="shared" si="43"/>
        <v>1</v>
      </c>
      <c r="BD25" s="25">
        <f t="shared" si="43"/>
        <v>1</v>
      </c>
      <c r="BE25" s="25">
        <f t="shared" si="43"/>
        <v>1</v>
      </c>
      <c r="BF25" s="25">
        <f t="shared" si="43"/>
        <v>0</v>
      </c>
      <c r="BG25" s="25">
        <f t="shared" si="43"/>
        <v>0</v>
      </c>
      <c r="BH25" s="25">
        <f t="shared" si="43"/>
        <v>0</v>
      </c>
    </row>
    <row r="26" spans="1:60" s="3" customFormat="1" ht="30" customHeight="1">
      <c r="A26" s="118"/>
      <c r="B26" s="118"/>
      <c r="C26" s="71" t="s">
        <v>75</v>
      </c>
      <c r="D26" s="72" t="s">
        <v>124</v>
      </c>
      <c r="E26" s="73">
        <f>AG2</f>
        <v>46195</v>
      </c>
      <c r="F26" s="73">
        <f>AK2</f>
        <v>46223</v>
      </c>
      <c r="G26" s="72"/>
      <c r="H26" s="74"/>
      <c r="I26" s="25">
        <f t="shared" ref="I26:AN26" si="44">(I2&gt;=$E26)*AND(I2&lt;=$F26)</f>
        <v>0</v>
      </c>
      <c r="J26" s="25">
        <f t="shared" si="44"/>
        <v>0</v>
      </c>
      <c r="K26" s="25">
        <f t="shared" si="44"/>
        <v>0</v>
      </c>
      <c r="L26" s="25">
        <f t="shared" si="44"/>
        <v>0</v>
      </c>
      <c r="M26" s="25">
        <f t="shared" si="44"/>
        <v>0</v>
      </c>
      <c r="N26" s="25">
        <f t="shared" si="44"/>
        <v>0</v>
      </c>
      <c r="O26" s="25">
        <f t="shared" si="44"/>
        <v>0</v>
      </c>
      <c r="P26" s="25">
        <f t="shared" si="44"/>
        <v>0</v>
      </c>
      <c r="Q26" s="25">
        <f t="shared" si="44"/>
        <v>0</v>
      </c>
      <c r="R26" s="25">
        <f t="shared" si="44"/>
        <v>0</v>
      </c>
      <c r="S26" s="25">
        <f t="shared" si="44"/>
        <v>0</v>
      </c>
      <c r="T26" s="25">
        <f t="shared" si="44"/>
        <v>0</v>
      </c>
      <c r="U26" s="25">
        <f t="shared" si="44"/>
        <v>0</v>
      </c>
      <c r="V26" s="25">
        <f t="shared" si="44"/>
        <v>0</v>
      </c>
      <c r="W26" s="25">
        <f t="shared" si="44"/>
        <v>0</v>
      </c>
      <c r="X26" s="25">
        <f t="shared" si="44"/>
        <v>0</v>
      </c>
      <c r="Y26" s="25">
        <f t="shared" si="44"/>
        <v>0</v>
      </c>
      <c r="Z26" s="25">
        <f t="shared" si="44"/>
        <v>0</v>
      </c>
      <c r="AA26" s="25">
        <f t="shared" si="44"/>
        <v>0</v>
      </c>
      <c r="AB26" s="25">
        <f t="shared" si="44"/>
        <v>0</v>
      </c>
      <c r="AC26" s="25">
        <f t="shared" si="44"/>
        <v>0</v>
      </c>
      <c r="AD26" s="25">
        <f t="shared" si="44"/>
        <v>0</v>
      </c>
      <c r="AE26" s="25">
        <f t="shared" si="44"/>
        <v>0</v>
      </c>
      <c r="AF26" s="25">
        <f t="shared" si="44"/>
        <v>0</v>
      </c>
      <c r="AG26" s="25">
        <f t="shared" si="44"/>
        <v>1</v>
      </c>
      <c r="AH26" s="25">
        <f t="shared" si="44"/>
        <v>1</v>
      </c>
      <c r="AI26" s="25">
        <f t="shared" si="44"/>
        <v>1</v>
      </c>
      <c r="AJ26" s="25">
        <f t="shared" si="44"/>
        <v>1</v>
      </c>
      <c r="AK26" s="25">
        <f t="shared" si="44"/>
        <v>1</v>
      </c>
      <c r="AL26" s="25">
        <f t="shared" si="44"/>
        <v>0</v>
      </c>
      <c r="AM26" s="25">
        <f t="shared" si="44"/>
        <v>0</v>
      </c>
      <c r="AN26" s="25">
        <f t="shared" si="44"/>
        <v>0</v>
      </c>
      <c r="AO26" s="25">
        <f t="shared" ref="AO26:BH26" si="45">(AO2&gt;=$E26)*AND(AO2&lt;=$F26)</f>
        <v>0</v>
      </c>
      <c r="AP26" s="25">
        <f t="shared" si="45"/>
        <v>0</v>
      </c>
      <c r="AQ26" s="25">
        <f t="shared" si="45"/>
        <v>0</v>
      </c>
      <c r="AR26" s="25">
        <f t="shared" si="45"/>
        <v>0</v>
      </c>
      <c r="AS26" s="25">
        <f t="shared" si="45"/>
        <v>0</v>
      </c>
      <c r="AT26" s="25">
        <f t="shared" si="45"/>
        <v>0</v>
      </c>
      <c r="AU26" s="25">
        <f t="shared" si="45"/>
        <v>0</v>
      </c>
      <c r="AV26" s="25">
        <f t="shared" si="45"/>
        <v>0</v>
      </c>
      <c r="AW26" s="25">
        <f t="shared" si="45"/>
        <v>0</v>
      </c>
      <c r="AX26" s="25">
        <f t="shared" si="45"/>
        <v>0</v>
      </c>
      <c r="AY26" s="25">
        <f t="shared" si="45"/>
        <v>0</v>
      </c>
      <c r="AZ26" s="25">
        <f t="shared" si="45"/>
        <v>0</v>
      </c>
      <c r="BA26" s="25">
        <f t="shared" si="45"/>
        <v>0</v>
      </c>
      <c r="BB26" s="25">
        <f t="shared" si="45"/>
        <v>0</v>
      </c>
      <c r="BC26" s="25">
        <f t="shared" si="45"/>
        <v>0</v>
      </c>
      <c r="BD26" s="25">
        <f t="shared" si="45"/>
        <v>0</v>
      </c>
      <c r="BE26" s="25">
        <f t="shared" si="45"/>
        <v>0</v>
      </c>
      <c r="BF26" s="25">
        <f t="shared" si="45"/>
        <v>0</v>
      </c>
      <c r="BG26" s="25">
        <f t="shared" si="45"/>
        <v>0</v>
      </c>
      <c r="BH26" s="26">
        <f t="shared" si="45"/>
        <v>0</v>
      </c>
    </row>
    <row r="27" spans="1:60" s="3" customFormat="1" ht="30" customHeight="1">
      <c r="A27" s="118"/>
      <c r="B27" s="118"/>
      <c r="C27" s="71" t="s">
        <v>76</v>
      </c>
      <c r="D27" s="72" t="s">
        <v>124</v>
      </c>
      <c r="E27" s="73">
        <f>AA2</f>
        <v>46153</v>
      </c>
      <c r="F27" s="73">
        <f>AG2</f>
        <v>46195</v>
      </c>
      <c r="G27" s="72"/>
      <c r="H27" s="74" t="s">
        <v>125</v>
      </c>
      <c r="I27" s="25">
        <f t="shared" ref="I27:AN27" si="46">(I2&gt;=$E27)*AND(I2&lt;=$F27)</f>
        <v>0</v>
      </c>
      <c r="J27" s="25">
        <f t="shared" si="46"/>
        <v>0</v>
      </c>
      <c r="K27" s="25">
        <f t="shared" si="46"/>
        <v>0</v>
      </c>
      <c r="L27" s="25">
        <f t="shared" si="46"/>
        <v>0</v>
      </c>
      <c r="M27" s="25">
        <f t="shared" si="46"/>
        <v>0</v>
      </c>
      <c r="N27" s="25">
        <f t="shared" si="46"/>
        <v>0</v>
      </c>
      <c r="O27" s="25">
        <f t="shared" si="46"/>
        <v>0</v>
      </c>
      <c r="P27" s="25">
        <f t="shared" si="46"/>
        <v>0</v>
      </c>
      <c r="Q27" s="25">
        <f t="shared" si="46"/>
        <v>0</v>
      </c>
      <c r="R27" s="25">
        <f t="shared" si="46"/>
        <v>0</v>
      </c>
      <c r="S27" s="25">
        <f t="shared" si="46"/>
        <v>0</v>
      </c>
      <c r="T27" s="25">
        <f t="shared" si="46"/>
        <v>0</v>
      </c>
      <c r="U27" s="25">
        <f t="shared" si="46"/>
        <v>0</v>
      </c>
      <c r="V27" s="25">
        <f t="shared" si="46"/>
        <v>0</v>
      </c>
      <c r="W27" s="25">
        <f t="shared" si="46"/>
        <v>0</v>
      </c>
      <c r="X27" s="25">
        <f t="shared" si="46"/>
        <v>0</v>
      </c>
      <c r="Y27" s="25">
        <f t="shared" si="46"/>
        <v>0</v>
      </c>
      <c r="Z27" s="25">
        <f t="shared" si="46"/>
        <v>0</v>
      </c>
      <c r="AA27" s="25">
        <f t="shared" si="46"/>
        <v>1</v>
      </c>
      <c r="AB27" s="25">
        <f t="shared" si="46"/>
        <v>1</v>
      </c>
      <c r="AC27" s="25">
        <f t="shared" si="46"/>
        <v>1</v>
      </c>
      <c r="AD27" s="25">
        <f t="shared" si="46"/>
        <v>1</v>
      </c>
      <c r="AE27" s="25">
        <f t="shared" si="46"/>
        <v>1</v>
      </c>
      <c r="AF27" s="25">
        <f t="shared" si="46"/>
        <v>1</v>
      </c>
      <c r="AG27" s="25">
        <f t="shared" si="46"/>
        <v>1</v>
      </c>
      <c r="AH27" s="25">
        <f t="shared" si="46"/>
        <v>0</v>
      </c>
      <c r="AI27" s="25">
        <f t="shared" si="46"/>
        <v>0</v>
      </c>
      <c r="AJ27" s="25">
        <f t="shared" si="46"/>
        <v>0</v>
      </c>
      <c r="AK27" s="25">
        <f t="shared" si="46"/>
        <v>0</v>
      </c>
      <c r="AL27" s="25">
        <f t="shared" si="46"/>
        <v>0</v>
      </c>
      <c r="AM27" s="25">
        <f t="shared" si="46"/>
        <v>0</v>
      </c>
      <c r="AN27" s="25">
        <f t="shared" si="46"/>
        <v>0</v>
      </c>
      <c r="AO27" s="25">
        <f t="shared" ref="AO27:BH27" si="47">(AO2&gt;=$E27)*AND(AO2&lt;=$F27)</f>
        <v>0</v>
      </c>
      <c r="AP27" s="25">
        <f t="shared" si="47"/>
        <v>0</v>
      </c>
      <c r="AQ27" s="25">
        <f t="shared" si="47"/>
        <v>0</v>
      </c>
      <c r="AR27" s="25">
        <f t="shared" si="47"/>
        <v>0</v>
      </c>
      <c r="AS27" s="25">
        <f t="shared" si="47"/>
        <v>0</v>
      </c>
      <c r="AT27" s="25">
        <f t="shared" si="47"/>
        <v>0</v>
      </c>
      <c r="AU27" s="25">
        <f t="shared" si="47"/>
        <v>0</v>
      </c>
      <c r="AV27" s="25">
        <f t="shared" si="47"/>
        <v>0</v>
      </c>
      <c r="AW27" s="25">
        <f t="shared" si="47"/>
        <v>0</v>
      </c>
      <c r="AX27" s="25">
        <f t="shared" si="47"/>
        <v>0</v>
      </c>
      <c r="AY27" s="25">
        <f t="shared" si="47"/>
        <v>0</v>
      </c>
      <c r="AZ27" s="25">
        <f t="shared" si="47"/>
        <v>0</v>
      </c>
      <c r="BA27" s="25">
        <f t="shared" si="47"/>
        <v>0</v>
      </c>
      <c r="BB27" s="25">
        <f t="shared" si="47"/>
        <v>0</v>
      </c>
      <c r="BC27" s="25">
        <f t="shared" si="47"/>
        <v>0</v>
      </c>
      <c r="BD27" s="25">
        <f t="shared" si="47"/>
        <v>0</v>
      </c>
      <c r="BE27" s="25">
        <f t="shared" si="47"/>
        <v>0</v>
      </c>
      <c r="BF27" s="25">
        <f t="shared" si="47"/>
        <v>0</v>
      </c>
      <c r="BG27" s="25">
        <f t="shared" si="47"/>
        <v>0</v>
      </c>
      <c r="BH27" s="26">
        <f t="shared" si="47"/>
        <v>0</v>
      </c>
    </row>
    <row r="28" spans="1:60" ht="30" customHeight="1">
      <c r="A28" s="118"/>
      <c r="B28" s="118"/>
      <c r="C28" s="75" t="s">
        <v>77</v>
      </c>
      <c r="D28" s="72" t="s">
        <v>102</v>
      </c>
      <c r="E28" s="73">
        <v>46202</v>
      </c>
      <c r="F28" s="73">
        <v>46244</v>
      </c>
      <c r="G28" s="72"/>
      <c r="H28" s="74" t="s">
        <v>126</v>
      </c>
      <c r="I28" s="25">
        <f t="shared" ref="I28:AN28" si="48">(I2&gt;=$E28)*AND(I2&lt;=$F28)</f>
        <v>0</v>
      </c>
      <c r="J28" s="25">
        <f t="shared" si="48"/>
        <v>0</v>
      </c>
      <c r="K28" s="25">
        <f t="shared" si="48"/>
        <v>0</v>
      </c>
      <c r="L28" s="25">
        <f t="shared" si="48"/>
        <v>0</v>
      </c>
      <c r="M28" s="25">
        <f t="shared" si="48"/>
        <v>0</v>
      </c>
      <c r="N28" s="25">
        <f t="shared" si="48"/>
        <v>0</v>
      </c>
      <c r="O28" s="25">
        <f t="shared" si="48"/>
        <v>0</v>
      </c>
      <c r="P28" s="25">
        <f t="shared" si="48"/>
        <v>0</v>
      </c>
      <c r="Q28" s="25">
        <f t="shared" si="48"/>
        <v>0</v>
      </c>
      <c r="R28" s="25">
        <f t="shared" si="48"/>
        <v>0</v>
      </c>
      <c r="S28" s="25">
        <f t="shared" si="48"/>
        <v>0</v>
      </c>
      <c r="T28" s="25">
        <f t="shared" si="48"/>
        <v>0</v>
      </c>
      <c r="U28" s="25">
        <f t="shared" si="48"/>
        <v>0</v>
      </c>
      <c r="V28" s="25">
        <f t="shared" si="48"/>
        <v>0</v>
      </c>
      <c r="W28" s="25">
        <f t="shared" si="48"/>
        <v>0</v>
      </c>
      <c r="X28" s="25">
        <f t="shared" si="48"/>
        <v>0</v>
      </c>
      <c r="Y28" s="25">
        <f t="shared" si="48"/>
        <v>0</v>
      </c>
      <c r="Z28" s="25">
        <f t="shared" si="48"/>
        <v>0</v>
      </c>
      <c r="AA28" s="25">
        <f t="shared" si="48"/>
        <v>0</v>
      </c>
      <c r="AB28" s="25">
        <f t="shared" si="48"/>
        <v>0</v>
      </c>
      <c r="AC28" s="25">
        <f t="shared" si="48"/>
        <v>0</v>
      </c>
      <c r="AD28" s="25">
        <f t="shared" si="48"/>
        <v>0</v>
      </c>
      <c r="AE28" s="25">
        <f t="shared" si="48"/>
        <v>0</v>
      </c>
      <c r="AF28" s="25">
        <f t="shared" si="48"/>
        <v>0</v>
      </c>
      <c r="AG28" s="25">
        <f t="shared" si="48"/>
        <v>0</v>
      </c>
      <c r="AH28" s="25">
        <f t="shared" si="48"/>
        <v>1</v>
      </c>
      <c r="AI28" s="25">
        <f t="shared" si="48"/>
        <v>1</v>
      </c>
      <c r="AJ28" s="25">
        <f t="shared" si="48"/>
        <v>1</v>
      </c>
      <c r="AK28" s="25">
        <f t="shared" si="48"/>
        <v>1</v>
      </c>
      <c r="AL28" s="25">
        <f t="shared" si="48"/>
        <v>1</v>
      </c>
      <c r="AM28" s="25">
        <f t="shared" si="48"/>
        <v>1</v>
      </c>
      <c r="AN28" s="25">
        <f t="shared" si="48"/>
        <v>1</v>
      </c>
      <c r="AO28" s="25">
        <f t="shared" ref="AO28:BH28" si="49">(AO2&gt;=$E28)*AND(AO2&lt;=$F28)</f>
        <v>0</v>
      </c>
      <c r="AP28" s="25">
        <f t="shared" si="49"/>
        <v>0</v>
      </c>
      <c r="AQ28" s="25">
        <f t="shared" si="49"/>
        <v>0</v>
      </c>
      <c r="AR28" s="25">
        <f t="shared" si="49"/>
        <v>0</v>
      </c>
      <c r="AS28" s="25">
        <f t="shared" si="49"/>
        <v>0</v>
      </c>
      <c r="AT28" s="25">
        <f t="shared" si="49"/>
        <v>0</v>
      </c>
      <c r="AU28" s="25">
        <f t="shared" si="49"/>
        <v>0</v>
      </c>
      <c r="AV28" s="25">
        <f t="shared" si="49"/>
        <v>0</v>
      </c>
      <c r="AW28" s="25">
        <f t="shared" si="49"/>
        <v>0</v>
      </c>
      <c r="AX28" s="25">
        <f t="shared" si="49"/>
        <v>0</v>
      </c>
      <c r="AY28" s="25">
        <f t="shared" si="49"/>
        <v>0</v>
      </c>
      <c r="AZ28" s="25">
        <f t="shared" si="49"/>
        <v>0</v>
      </c>
      <c r="BA28" s="25">
        <f t="shared" si="49"/>
        <v>0</v>
      </c>
      <c r="BB28" s="25">
        <f t="shared" si="49"/>
        <v>0</v>
      </c>
      <c r="BC28" s="25">
        <f t="shared" si="49"/>
        <v>0</v>
      </c>
      <c r="BD28" s="25">
        <f t="shared" si="49"/>
        <v>0</v>
      </c>
      <c r="BE28" s="25">
        <f t="shared" si="49"/>
        <v>0</v>
      </c>
      <c r="BF28" s="25">
        <f t="shared" si="49"/>
        <v>0</v>
      </c>
      <c r="BG28" s="25">
        <f t="shared" si="49"/>
        <v>0</v>
      </c>
      <c r="BH28" s="26">
        <f t="shared" si="49"/>
        <v>0</v>
      </c>
    </row>
    <row r="29" spans="1:60" s="3" customFormat="1" ht="30.95">
      <c r="A29" s="118"/>
      <c r="B29" s="118"/>
      <c r="C29" s="71" t="s">
        <v>78</v>
      </c>
      <c r="D29" s="72" t="s">
        <v>124</v>
      </c>
      <c r="E29" s="73">
        <v>46202</v>
      </c>
      <c r="F29" s="73">
        <v>46209</v>
      </c>
      <c r="G29" s="72"/>
      <c r="H29" s="74" t="s">
        <v>126</v>
      </c>
      <c r="I29" s="25">
        <f>(I2&gt;=$E29)*AND(I2&lt;=$F29)</f>
        <v>0</v>
      </c>
      <c r="J29" s="25">
        <f t="shared" ref="J29:BH29" si="50">(J2&gt;=$E29)*AND(J2&lt;=$F29)</f>
        <v>0</v>
      </c>
      <c r="K29" s="25">
        <f t="shared" si="50"/>
        <v>0</v>
      </c>
      <c r="L29" s="25">
        <f t="shared" si="50"/>
        <v>0</v>
      </c>
      <c r="M29" s="25">
        <f t="shared" si="50"/>
        <v>0</v>
      </c>
      <c r="N29" s="25">
        <f t="shared" si="50"/>
        <v>0</v>
      </c>
      <c r="O29" s="25">
        <f t="shared" si="50"/>
        <v>0</v>
      </c>
      <c r="P29" s="25">
        <f t="shared" si="50"/>
        <v>0</v>
      </c>
      <c r="Q29" s="25">
        <f t="shared" si="50"/>
        <v>0</v>
      </c>
      <c r="R29" s="25">
        <f t="shared" si="50"/>
        <v>0</v>
      </c>
      <c r="S29" s="25">
        <f t="shared" si="50"/>
        <v>0</v>
      </c>
      <c r="T29" s="25">
        <f t="shared" si="50"/>
        <v>0</v>
      </c>
      <c r="U29" s="25">
        <f t="shared" si="50"/>
        <v>0</v>
      </c>
      <c r="V29" s="25">
        <f t="shared" si="50"/>
        <v>0</v>
      </c>
      <c r="W29" s="25">
        <f t="shared" si="50"/>
        <v>0</v>
      </c>
      <c r="X29" s="25">
        <f t="shared" si="50"/>
        <v>0</v>
      </c>
      <c r="Y29" s="25">
        <f t="shared" si="50"/>
        <v>0</v>
      </c>
      <c r="Z29" s="25">
        <f t="shared" si="50"/>
        <v>0</v>
      </c>
      <c r="AA29" s="25">
        <f t="shared" si="50"/>
        <v>0</v>
      </c>
      <c r="AB29" s="25">
        <f t="shared" si="50"/>
        <v>0</v>
      </c>
      <c r="AC29" s="25">
        <f t="shared" si="50"/>
        <v>0</v>
      </c>
      <c r="AD29" s="25">
        <f t="shared" si="50"/>
        <v>0</v>
      </c>
      <c r="AE29" s="25">
        <f t="shared" si="50"/>
        <v>0</v>
      </c>
      <c r="AF29" s="25">
        <f t="shared" si="50"/>
        <v>0</v>
      </c>
      <c r="AG29" s="25">
        <f t="shared" si="50"/>
        <v>0</v>
      </c>
      <c r="AH29" s="25">
        <f t="shared" si="50"/>
        <v>1</v>
      </c>
      <c r="AI29" s="25">
        <f t="shared" si="50"/>
        <v>1</v>
      </c>
      <c r="AJ29" s="25">
        <f t="shared" si="50"/>
        <v>0</v>
      </c>
      <c r="AK29" s="25">
        <f t="shared" si="50"/>
        <v>0</v>
      </c>
      <c r="AL29" s="25">
        <f t="shared" si="50"/>
        <v>0</v>
      </c>
      <c r="AM29" s="25">
        <f t="shared" si="50"/>
        <v>0</v>
      </c>
      <c r="AN29" s="25">
        <f t="shared" si="50"/>
        <v>0</v>
      </c>
      <c r="AO29" s="25">
        <f t="shared" si="50"/>
        <v>0</v>
      </c>
      <c r="AP29" s="25">
        <f t="shared" si="50"/>
        <v>0</v>
      </c>
      <c r="AQ29" s="25">
        <f t="shared" si="50"/>
        <v>0</v>
      </c>
      <c r="AR29" s="25">
        <f t="shared" si="50"/>
        <v>0</v>
      </c>
      <c r="AS29" s="25">
        <f t="shared" si="50"/>
        <v>0</v>
      </c>
      <c r="AT29" s="25">
        <f t="shared" si="50"/>
        <v>0</v>
      </c>
      <c r="AU29" s="25">
        <f t="shared" si="50"/>
        <v>0</v>
      </c>
      <c r="AV29" s="25">
        <f t="shared" si="50"/>
        <v>0</v>
      </c>
      <c r="AW29" s="25">
        <f t="shared" si="50"/>
        <v>0</v>
      </c>
      <c r="AX29" s="25">
        <f t="shared" si="50"/>
        <v>0</v>
      </c>
      <c r="AY29" s="25">
        <f t="shared" si="50"/>
        <v>0</v>
      </c>
      <c r="AZ29" s="25">
        <f t="shared" si="50"/>
        <v>0</v>
      </c>
      <c r="BA29" s="25">
        <f t="shared" si="50"/>
        <v>0</v>
      </c>
      <c r="BB29" s="25">
        <f t="shared" si="50"/>
        <v>0</v>
      </c>
      <c r="BC29" s="25">
        <f t="shared" si="50"/>
        <v>0</v>
      </c>
      <c r="BD29" s="25">
        <f t="shared" si="50"/>
        <v>0</v>
      </c>
      <c r="BE29" s="25">
        <f t="shared" si="50"/>
        <v>0</v>
      </c>
      <c r="BF29" s="25">
        <f t="shared" si="50"/>
        <v>0</v>
      </c>
      <c r="BG29" s="25">
        <f t="shared" si="50"/>
        <v>0</v>
      </c>
      <c r="BH29" s="25">
        <f t="shared" si="50"/>
        <v>0</v>
      </c>
    </row>
    <row r="30" spans="1:60" s="3" customFormat="1" ht="30" customHeight="1">
      <c r="A30" s="118"/>
      <c r="B30" s="118"/>
      <c r="C30" s="76" t="s">
        <v>79</v>
      </c>
      <c r="D30" s="72" t="s">
        <v>102</v>
      </c>
      <c r="E30" s="73">
        <v>46167</v>
      </c>
      <c r="F30" s="73">
        <v>46167</v>
      </c>
      <c r="G30" s="72"/>
      <c r="H30" s="74"/>
      <c r="I30" s="25">
        <f t="shared" ref="I30:AN30" si="51">(I2&gt;=$E30)*AND(I2&lt;=$F30)</f>
        <v>0</v>
      </c>
      <c r="J30" s="25">
        <f t="shared" si="51"/>
        <v>0</v>
      </c>
      <c r="K30" s="25">
        <f t="shared" si="51"/>
        <v>0</v>
      </c>
      <c r="L30" s="25">
        <f t="shared" si="51"/>
        <v>0</v>
      </c>
      <c r="M30" s="25">
        <f t="shared" si="51"/>
        <v>0</v>
      </c>
      <c r="N30" s="25">
        <f t="shared" si="51"/>
        <v>0</v>
      </c>
      <c r="O30" s="25">
        <f t="shared" si="51"/>
        <v>0</v>
      </c>
      <c r="P30" s="25">
        <f t="shared" si="51"/>
        <v>0</v>
      </c>
      <c r="Q30" s="25">
        <f t="shared" si="51"/>
        <v>0</v>
      </c>
      <c r="R30" s="25">
        <f t="shared" si="51"/>
        <v>0</v>
      </c>
      <c r="S30" s="25">
        <f t="shared" si="51"/>
        <v>0</v>
      </c>
      <c r="T30" s="25">
        <f t="shared" si="51"/>
        <v>0</v>
      </c>
      <c r="U30" s="25">
        <f t="shared" si="51"/>
        <v>0</v>
      </c>
      <c r="V30" s="25">
        <f t="shared" si="51"/>
        <v>0</v>
      </c>
      <c r="W30" s="25">
        <f t="shared" si="51"/>
        <v>0</v>
      </c>
      <c r="X30" s="25">
        <f t="shared" si="51"/>
        <v>0</v>
      </c>
      <c r="Y30" s="25">
        <f t="shared" si="51"/>
        <v>0</v>
      </c>
      <c r="Z30" s="25">
        <f t="shared" si="51"/>
        <v>0</v>
      </c>
      <c r="AA30" s="25">
        <f t="shared" si="51"/>
        <v>0</v>
      </c>
      <c r="AB30" s="25">
        <f t="shared" si="51"/>
        <v>0</v>
      </c>
      <c r="AC30" s="25">
        <f t="shared" si="51"/>
        <v>1</v>
      </c>
      <c r="AD30" s="25">
        <f t="shared" si="51"/>
        <v>0</v>
      </c>
      <c r="AE30" s="25">
        <f t="shared" si="51"/>
        <v>0</v>
      </c>
      <c r="AF30" s="25">
        <f t="shared" si="51"/>
        <v>0</v>
      </c>
      <c r="AG30" s="25">
        <f t="shared" si="51"/>
        <v>0</v>
      </c>
      <c r="AH30" s="25">
        <f t="shared" si="51"/>
        <v>0</v>
      </c>
      <c r="AI30" s="25">
        <f t="shared" si="51"/>
        <v>0</v>
      </c>
      <c r="AJ30" s="25">
        <f t="shared" si="51"/>
        <v>0</v>
      </c>
      <c r="AK30" s="25">
        <f t="shared" si="51"/>
        <v>0</v>
      </c>
      <c r="AL30" s="25">
        <f t="shared" si="51"/>
        <v>0</v>
      </c>
      <c r="AM30" s="25">
        <f t="shared" si="51"/>
        <v>0</v>
      </c>
      <c r="AN30" s="25">
        <f t="shared" si="51"/>
        <v>0</v>
      </c>
      <c r="AO30" s="25">
        <f t="shared" ref="AO30:BH30" si="52">(AO2&gt;=$E30)*AND(AO2&lt;=$F30)</f>
        <v>0</v>
      </c>
      <c r="AP30" s="25">
        <f t="shared" si="52"/>
        <v>0</v>
      </c>
      <c r="AQ30" s="25">
        <f t="shared" si="52"/>
        <v>0</v>
      </c>
      <c r="AR30" s="25">
        <f t="shared" si="52"/>
        <v>0</v>
      </c>
      <c r="AS30" s="25">
        <f t="shared" si="52"/>
        <v>0</v>
      </c>
      <c r="AT30" s="25">
        <f t="shared" si="52"/>
        <v>0</v>
      </c>
      <c r="AU30" s="25">
        <f t="shared" si="52"/>
        <v>0</v>
      </c>
      <c r="AV30" s="25">
        <f t="shared" si="52"/>
        <v>0</v>
      </c>
      <c r="AW30" s="25">
        <f t="shared" si="52"/>
        <v>0</v>
      </c>
      <c r="AX30" s="25">
        <f t="shared" si="52"/>
        <v>0</v>
      </c>
      <c r="AY30" s="25">
        <f t="shared" si="52"/>
        <v>0</v>
      </c>
      <c r="AZ30" s="25">
        <f t="shared" si="52"/>
        <v>0</v>
      </c>
      <c r="BA30" s="25">
        <f t="shared" si="52"/>
        <v>0</v>
      </c>
      <c r="BB30" s="25">
        <f t="shared" si="52"/>
        <v>0</v>
      </c>
      <c r="BC30" s="25">
        <f t="shared" si="52"/>
        <v>0</v>
      </c>
      <c r="BD30" s="25">
        <f t="shared" si="52"/>
        <v>0</v>
      </c>
      <c r="BE30" s="25">
        <f t="shared" si="52"/>
        <v>0</v>
      </c>
      <c r="BF30" s="25">
        <f t="shared" si="52"/>
        <v>0</v>
      </c>
      <c r="BG30" s="25">
        <f t="shared" si="52"/>
        <v>0</v>
      </c>
      <c r="BH30" s="26">
        <f t="shared" si="52"/>
        <v>0</v>
      </c>
    </row>
    <row r="31" spans="1:60" s="3" customFormat="1" ht="30" customHeight="1">
      <c r="A31" s="118"/>
      <c r="B31" s="118"/>
      <c r="C31" s="76" t="s">
        <v>80</v>
      </c>
      <c r="D31" s="72" t="s">
        <v>20</v>
      </c>
      <c r="E31" s="73">
        <f>AD2</f>
        <v>46174</v>
      </c>
      <c r="F31" s="73">
        <f>AH2</f>
        <v>46202</v>
      </c>
      <c r="G31" s="72"/>
      <c r="H31" s="72" t="s">
        <v>127</v>
      </c>
      <c r="I31" s="25">
        <f t="shared" ref="I31:AN31" si="53">(I2&gt;=$E31)*AND(I2&lt;=$F31)</f>
        <v>0</v>
      </c>
      <c r="J31" s="25">
        <f t="shared" si="53"/>
        <v>0</v>
      </c>
      <c r="K31" s="25">
        <f t="shared" si="53"/>
        <v>0</v>
      </c>
      <c r="L31" s="25">
        <f t="shared" si="53"/>
        <v>0</v>
      </c>
      <c r="M31" s="25">
        <f t="shared" si="53"/>
        <v>0</v>
      </c>
      <c r="N31" s="25">
        <f t="shared" si="53"/>
        <v>0</v>
      </c>
      <c r="O31" s="25">
        <f t="shared" si="53"/>
        <v>0</v>
      </c>
      <c r="P31" s="25">
        <f t="shared" si="53"/>
        <v>0</v>
      </c>
      <c r="Q31" s="25">
        <f t="shared" si="53"/>
        <v>0</v>
      </c>
      <c r="R31" s="25">
        <f t="shared" si="53"/>
        <v>0</v>
      </c>
      <c r="S31" s="25">
        <f t="shared" si="53"/>
        <v>0</v>
      </c>
      <c r="T31" s="25">
        <f t="shared" si="53"/>
        <v>0</v>
      </c>
      <c r="U31" s="25">
        <f t="shared" si="53"/>
        <v>0</v>
      </c>
      <c r="V31" s="25">
        <f t="shared" si="53"/>
        <v>0</v>
      </c>
      <c r="W31" s="25">
        <f t="shared" si="53"/>
        <v>0</v>
      </c>
      <c r="X31" s="25">
        <f t="shared" si="53"/>
        <v>0</v>
      </c>
      <c r="Y31" s="25">
        <f t="shared" si="53"/>
        <v>0</v>
      </c>
      <c r="Z31" s="25">
        <f t="shared" si="53"/>
        <v>0</v>
      </c>
      <c r="AA31" s="25">
        <f t="shared" si="53"/>
        <v>0</v>
      </c>
      <c r="AB31" s="25">
        <f t="shared" si="53"/>
        <v>0</v>
      </c>
      <c r="AC31" s="25">
        <f t="shared" si="53"/>
        <v>0</v>
      </c>
      <c r="AD31" s="25">
        <f t="shared" si="53"/>
        <v>1</v>
      </c>
      <c r="AE31" s="25">
        <f t="shared" si="53"/>
        <v>1</v>
      </c>
      <c r="AF31" s="25">
        <f t="shared" si="53"/>
        <v>1</v>
      </c>
      <c r="AG31" s="25">
        <f t="shared" si="53"/>
        <v>1</v>
      </c>
      <c r="AH31" s="25">
        <f t="shared" si="53"/>
        <v>1</v>
      </c>
      <c r="AI31" s="25">
        <f t="shared" si="53"/>
        <v>0</v>
      </c>
      <c r="AJ31" s="25">
        <f t="shared" si="53"/>
        <v>0</v>
      </c>
      <c r="AK31" s="25">
        <f t="shared" si="53"/>
        <v>0</v>
      </c>
      <c r="AL31" s="25">
        <f t="shared" si="53"/>
        <v>0</v>
      </c>
      <c r="AM31" s="25">
        <f t="shared" si="53"/>
        <v>0</v>
      </c>
      <c r="AN31" s="25">
        <f t="shared" si="53"/>
        <v>0</v>
      </c>
      <c r="AO31" s="25">
        <f t="shared" ref="AO31:BH31" si="54">(AO2&gt;=$E31)*AND(AO2&lt;=$F31)</f>
        <v>0</v>
      </c>
      <c r="AP31" s="25">
        <f t="shared" si="54"/>
        <v>0</v>
      </c>
      <c r="AQ31" s="25">
        <f t="shared" si="54"/>
        <v>0</v>
      </c>
      <c r="AR31" s="25">
        <f t="shared" si="54"/>
        <v>0</v>
      </c>
      <c r="AS31" s="25">
        <f t="shared" si="54"/>
        <v>0</v>
      </c>
      <c r="AT31" s="25">
        <f t="shared" si="54"/>
        <v>0</v>
      </c>
      <c r="AU31" s="25">
        <f t="shared" si="54"/>
        <v>0</v>
      </c>
      <c r="AV31" s="25">
        <f t="shared" si="54"/>
        <v>0</v>
      </c>
      <c r="AW31" s="25">
        <f t="shared" si="54"/>
        <v>0</v>
      </c>
      <c r="AX31" s="25">
        <f t="shared" si="54"/>
        <v>0</v>
      </c>
      <c r="AY31" s="25">
        <f t="shared" si="54"/>
        <v>0</v>
      </c>
      <c r="AZ31" s="25">
        <f t="shared" si="54"/>
        <v>0</v>
      </c>
      <c r="BA31" s="25">
        <f t="shared" si="54"/>
        <v>0</v>
      </c>
      <c r="BB31" s="25">
        <f t="shared" si="54"/>
        <v>0</v>
      </c>
      <c r="BC31" s="25">
        <f t="shared" si="54"/>
        <v>0</v>
      </c>
      <c r="BD31" s="25">
        <f t="shared" si="54"/>
        <v>0</v>
      </c>
      <c r="BE31" s="25">
        <f t="shared" si="54"/>
        <v>0</v>
      </c>
      <c r="BF31" s="25">
        <f t="shared" si="54"/>
        <v>0</v>
      </c>
      <c r="BG31" s="25">
        <f t="shared" si="54"/>
        <v>0</v>
      </c>
      <c r="BH31" s="26">
        <f t="shared" si="54"/>
        <v>0</v>
      </c>
    </row>
    <row r="32" spans="1:60" s="3" customFormat="1" ht="35.25" customHeight="1">
      <c r="A32" s="118"/>
      <c r="B32" s="122" t="s">
        <v>81</v>
      </c>
      <c r="C32" s="77" t="s">
        <v>82</v>
      </c>
      <c r="D32" s="78" t="s">
        <v>102</v>
      </c>
      <c r="E32" s="79">
        <f>M2</f>
        <v>46055</v>
      </c>
      <c r="F32" s="79">
        <f>F23</f>
        <v>46230</v>
      </c>
      <c r="G32" s="78"/>
      <c r="H32" s="78"/>
      <c r="I32" s="25">
        <f t="shared" ref="I32:AN32" si="55">(I2&gt;=$E32)*AND(I2&lt;=$F32)</f>
        <v>0</v>
      </c>
      <c r="J32" s="25">
        <f t="shared" si="55"/>
        <v>0</v>
      </c>
      <c r="K32" s="25">
        <f t="shared" si="55"/>
        <v>0</v>
      </c>
      <c r="L32" s="25">
        <f t="shared" si="55"/>
        <v>0</v>
      </c>
      <c r="M32" s="25">
        <f t="shared" si="55"/>
        <v>1</v>
      </c>
      <c r="N32" s="25">
        <f t="shared" si="55"/>
        <v>1</v>
      </c>
      <c r="O32" s="25">
        <f t="shared" si="55"/>
        <v>1</v>
      </c>
      <c r="P32" s="25">
        <f t="shared" si="55"/>
        <v>1</v>
      </c>
      <c r="Q32" s="25">
        <f t="shared" si="55"/>
        <v>1</v>
      </c>
      <c r="R32" s="25">
        <f t="shared" si="55"/>
        <v>1</v>
      </c>
      <c r="S32" s="25">
        <f t="shared" si="55"/>
        <v>1</v>
      </c>
      <c r="T32" s="25">
        <f t="shared" si="55"/>
        <v>1</v>
      </c>
      <c r="U32" s="25">
        <f t="shared" si="55"/>
        <v>1</v>
      </c>
      <c r="V32" s="25">
        <f t="shared" si="55"/>
        <v>1</v>
      </c>
      <c r="W32" s="25">
        <f t="shared" si="55"/>
        <v>1</v>
      </c>
      <c r="X32" s="25">
        <f t="shared" si="55"/>
        <v>1</v>
      </c>
      <c r="Y32" s="25">
        <f t="shared" si="55"/>
        <v>1</v>
      </c>
      <c r="Z32" s="25">
        <f t="shared" si="55"/>
        <v>1</v>
      </c>
      <c r="AA32" s="25">
        <f t="shared" si="55"/>
        <v>1</v>
      </c>
      <c r="AB32" s="25">
        <f t="shared" si="55"/>
        <v>1</v>
      </c>
      <c r="AC32" s="25">
        <f t="shared" si="55"/>
        <v>1</v>
      </c>
      <c r="AD32" s="25">
        <f t="shared" si="55"/>
        <v>1</v>
      </c>
      <c r="AE32" s="25">
        <f t="shared" si="55"/>
        <v>1</v>
      </c>
      <c r="AF32" s="25">
        <f t="shared" si="55"/>
        <v>1</v>
      </c>
      <c r="AG32" s="25">
        <f t="shared" si="55"/>
        <v>1</v>
      </c>
      <c r="AH32" s="25">
        <f t="shared" si="55"/>
        <v>1</v>
      </c>
      <c r="AI32" s="25">
        <f t="shared" si="55"/>
        <v>1</v>
      </c>
      <c r="AJ32" s="25">
        <f t="shared" si="55"/>
        <v>1</v>
      </c>
      <c r="AK32" s="25">
        <f t="shared" si="55"/>
        <v>1</v>
      </c>
      <c r="AL32" s="25">
        <f t="shared" si="55"/>
        <v>1</v>
      </c>
      <c r="AM32" s="25">
        <f t="shared" si="55"/>
        <v>0</v>
      </c>
      <c r="AN32" s="25">
        <f t="shared" si="55"/>
        <v>0</v>
      </c>
      <c r="AO32" s="25">
        <f t="shared" ref="AO32:BH32" si="56">(AO2&gt;=$E32)*AND(AO2&lt;=$F32)</f>
        <v>0</v>
      </c>
      <c r="AP32" s="25">
        <f t="shared" si="56"/>
        <v>0</v>
      </c>
      <c r="AQ32" s="25">
        <f t="shared" si="56"/>
        <v>0</v>
      </c>
      <c r="AR32" s="25">
        <f t="shared" si="56"/>
        <v>0</v>
      </c>
      <c r="AS32" s="25">
        <f t="shared" si="56"/>
        <v>0</v>
      </c>
      <c r="AT32" s="25">
        <f t="shared" si="56"/>
        <v>0</v>
      </c>
      <c r="AU32" s="25">
        <f t="shared" si="56"/>
        <v>0</v>
      </c>
      <c r="AV32" s="25">
        <f t="shared" si="56"/>
        <v>0</v>
      </c>
      <c r="AW32" s="25">
        <f t="shared" si="56"/>
        <v>0</v>
      </c>
      <c r="AX32" s="25">
        <f t="shared" si="56"/>
        <v>0</v>
      </c>
      <c r="AY32" s="25">
        <f t="shared" si="56"/>
        <v>0</v>
      </c>
      <c r="AZ32" s="25">
        <f t="shared" si="56"/>
        <v>0</v>
      </c>
      <c r="BA32" s="25">
        <f t="shared" si="56"/>
        <v>0</v>
      </c>
      <c r="BB32" s="25">
        <f t="shared" si="56"/>
        <v>0</v>
      </c>
      <c r="BC32" s="25">
        <f t="shared" si="56"/>
        <v>0</v>
      </c>
      <c r="BD32" s="25">
        <f t="shared" si="56"/>
        <v>0</v>
      </c>
      <c r="BE32" s="25">
        <f t="shared" si="56"/>
        <v>0</v>
      </c>
      <c r="BF32" s="25">
        <f t="shared" si="56"/>
        <v>0</v>
      </c>
      <c r="BG32" s="25">
        <f t="shared" si="56"/>
        <v>0</v>
      </c>
      <c r="BH32" s="26">
        <f t="shared" si="56"/>
        <v>0</v>
      </c>
    </row>
    <row r="33" spans="1:60 16371:16371" s="3" customFormat="1" ht="30.75" customHeight="1">
      <c r="A33" s="118"/>
      <c r="B33" s="122"/>
      <c r="C33" s="77" t="s">
        <v>83</v>
      </c>
      <c r="D33" s="78" t="s">
        <v>102</v>
      </c>
      <c r="E33" s="79">
        <v>46195</v>
      </c>
      <c r="F33" s="79">
        <v>46363</v>
      </c>
      <c r="G33" s="78"/>
      <c r="H33" s="78"/>
      <c r="I33" s="25">
        <f>(I2&gt;=$E33)*AND(I2&lt;=$F33)</f>
        <v>0</v>
      </c>
      <c r="J33" s="25">
        <f>(J2&gt;=$E33)*AND(J2&lt;=$F33)</f>
        <v>0</v>
      </c>
      <c r="K33" s="25">
        <f>(K2&gt;=$E33)*AND(K2&lt;=$F33)</f>
        <v>0</v>
      </c>
      <c r="L33" s="25">
        <f>(L2&gt;=$E33)*AND(L2&lt;=$F33)</f>
        <v>0</v>
      </c>
      <c r="M33" s="25">
        <f>(M2&gt;=$E33)*AND(M2&lt;=$F33)</f>
        <v>0</v>
      </c>
      <c r="N33" s="25">
        <f>(N2&gt;=$E33)*AND(N2&lt;=$F33)</f>
        <v>0</v>
      </c>
      <c r="O33" s="25">
        <f>(O2&gt;=$E33)*AND(O2&lt;=$F33)</f>
        <v>0</v>
      </c>
      <c r="P33" s="25">
        <f>(P2&gt;=$E33)*AND(P2&lt;=$F33)</f>
        <v>0</v>
      </c>
      <c r="Q33" s="25">
        <f>(Q2&gt;=$E33)*AND(Q2&lt;=$F33)</f>
        <v>0</v>
      </c>
      <c r="R33" s="25">
        <f>(R2&gt;=$E33)*AND(R2&lt;=$F33)</f>
        <v>0</v>
      </c>
      <c r="S33" s="25">
        <f>(S2&gt;=$E33)*AND(S2&lt;=$F33)</f>
        <v>0</v>
      </c>
      <c r="T33" s="25">
        <f>(T2&gt;=$E33)*AND(T2&lt;=$F33)</f>
        <v>0</v>
      </c>
      <c r="U33" s="25">
        <f>(U2&gt;=$E33)*AND(U2&lt;=$F33)</f>
        <v>0</v>
      </c>
      <c r="V33" s="25">
        <f>(V2&gt;=$E33)*AND(V2&lt;=$F33)</f>
        <v>0</v>
      </c>
      <c r="W33" s="25">
        <f>(W2&gt;=$E33)*AND(W2&lt;=$F33)</f>
        <v>0</v>
      </c>
      <c r="X33" s="25">
        <f>(X2&gt;=$E33)*AND(X2&lt;=$F33)</f>
        <v>0</v>
      </c>
      <c r="Y33" s="25">
        <f>(Y2&gt;=$E33)*AND(Y2&lt;=$F33)</f>
        <v>0</v>
      </c>
      <c r="Z33" s="25">
        <f>(Z2&gt;=$E33)*AND(Z2&lt;=$F33)</f>
        <v>0</v>
      </c>
      <c r="AA33" s="25">
        <f>(AA2&gt;=$E33)*AND(AA2&lt;=$F33)</f>
        <v>0</v>
      </c>
      <c r="AB33" s="25">
        <f>(AB2&gt;=$E33)*AND(AB2&lt;=$F33)</f>
        <v>0</v>
      </c>
      <c r="AC33" s="25">
        <f>(AC2&gt;=$E33)*AND(AC2&lt;=$F33)</f>
        <v>0</v>
      </c>
      <c r="AD33" s="25">
        <f>(AD2&gt;=$E33)*AND(AD2&lt;=$F33)</f>
        <v>0</v>
      </c>
      <c r="AE33" s="25">
        <f>(AE2&gt;=$E33)*AND(AE2&lt;=$F33)</f>
        <v>0</v>
      </c>
      <c r="AF33" s="25">
        <f>(AF2&gt;=$E33)*AND(AF2&lt;=$F33)</f>
        <v>0</v>
      </c>
      <c r="AG33" s="25">
        <f>(AG2&gt;=$E33)*AND(AG2&lt;=$F33)</f>
        <v>1</v>
      </c>
      <c r="AH33" s="25">
        <f>(AH2&gt;=$E33)*AND(AH2&lt;=$F33)</f>
        <v>1</v>
      </c>
      <c r="AI33" s="25">
        <f>(AI2&gt;=$E33)*AND(AI2&lt;=$F33)</f>
        <v>1</v>
      </c>
      <c r="AJ33" s="25">
        <f>(AJ2&gt;=$E33)*AND(AJ2&lt;=$F33)</f>
        <v>1</v>
      </c>
      <c r="AK33" s="25">
        <f>(AK2&gt;=$E33)*AND(AK2&lt;=$F33)</f>
        <v>1</v>
      </c>
      <c r="AL33" s="25">
        <f>(AL2&gt;=$E33)*AND(AL2&lt;=$F33)</f>
        <v>1</v>
      </c>
      <c r="AM33" s="25">
        <f>(AM2&gt;=$E33)*AND(AM2&lt;=$F33)</f>
        <v>1</v>
      </c>
      <c r="AN33" s="25">
        <f>(AN2&gt;=$E33)*AND(AN2&lt;=$F33)</f>
        <v>1</v>
      </c>
      <c r="AO33" s="25">
        <f>(AO2&gt;=$E33)*AND(AO2&lt;=$F33)</f>
        <v>1</v>
      </c>
      <c r="AP33" s="25">
        <f>(AP2&gt;=$E33)*AND(AP2&lt;=$F33)</f>
        <v>1</v>
      </c>
      <c r="AQ33" s="25">
        <f>(AQ2&gt;=$E33)*AND(AQ2&lt;=$F33)</f>
        <v>1</v>
      </c>
      <c r="AR33" s="25">
        <f>(AR2&gt;=$E33)*AND(AR2&lt;=$F33)</f>
        <v>1</v>
      </c>
      <c r="AS33" s="25">
        <f>(AS2&gt;=$E33)*AND(AS2&lt;=$F33)</f>
        <v>1</v>
      </c>
      <c r="AT33" s="25">
        <f>(AT2&gt;=$E33)*AND(AT2&lt;=$F33)</f>
        <v>1</v>
      </c>
      <c r="AU33" s="25">
        <f>(AU2&gt;=$E33)*AND(AU2&lt;=$F33)</f>
        <v>1</v>
      </c>
      <c r="AV33" s="25">
        <f>(AV2&gt;=$E33)*AND(AV2&lt;=$F33)</f>
        <v>1</v>
      </c>
      <c r="AW33" s="25">
        <f>(AW2&gt;=$E33)*AND(AW2&lt;=$F33)</f>
        <v>1</v>
      </c>
      <c r="AX33" s="25">
        <f>(AX2&gt;=$E33)*AND(AX2&lt;=$F33)</f>
        <v>1</v>
      </c>
      <c r="AY33" s="25">
        <f>(AY2&gt;=$E33)*AND(AY2&lt;=$F33)</f>
        <v>1</v>
      </c>
      <c r="AZ33" s="25">
        <f>(AZ2&gt;=$E33)*AND(AZ2&lt;=$F33)</f>
        <v>1</v>
      </c>
      <c r="BA33" s="25">
        <f>(BA2&gt;=$E33)*AND(BA2&lt;=$F33)</f>
        <v>1</v>
      </c>
      <c r="BB33" s="25">
        <f>(BB2&gt;=$E33)*AND(BB2&lt;=$F33)</f>
        <v>1</v>
      </c>
      <c r="BC33" s="25">
        <f>(BC2&gt;=$E33)*AND(BC2&lt;=$F33)</f>
        <v>1</v>
      </c>
      <c r="BD33" s="25">
        <f>(BD2&gt;=$E33)*AND(BD2&lt;=$F33)</f>
        <v>1</v>
      </c>
      <c r="BE33" s="25">
        <f>(BE2&gt;=$E33)*AND(BE2&lt;=$F33)</f>
        <v>1</v>
      </c>
      <c r="BF33" s="25">
        <f>(BF2&gt;=$E33)*AND(BF2&lt;=$F33)</f>
        <v>0</v>
      </c>
      <c r="BG33" s="25">
        <f>(BG2&gt;=$E33)*AND(BG2&lt;=$F33)</f>
        <v>0</v>
      </c>
      <c r="BH33" s="26">
        <f>(BH2&gt;=$E33)*AND(BH2&lt;=$F33)</f>
        <v>0</v>
      </c>
    </row>
    <row r="34" spans="1:60 16371:16371" ht="30" customHeight="1">
      <c r="A34" s="118"/>
      <c r="B34" s="123" t="s">
        <v>84</v>
      </c>
      <c r="C34" s="80" t="s">
        <v>85</v>
      </c>
      <c r="D34" s="81" t="s">
        <v>122</v>
      </c>
      <c r="E34" s="82">
        <v>46069</v>
      </c>
      <c r="F34" s="82">
        <v>46363</v>
      </c>
      <c r="G34" s="81"/>
      <c r="H34" s="81"/>
      <c r="I34" s="25">
        <f>(I2&gt;=$E34)*AND(I2&lt;=$F34)</f>
        <v>0</v>
      </c>
      <c r="J34" s="25">
        <f>(J2&gt;=$E34)*AND(J2&lt;=$F34)</f>
        <v>0</v>
      </c>
      <c r="K34" s="25">
        <f>(K2&gt;=$E34)*AND(K2&lt;=$F34)</f>
        <v>0</v>
      </c>
      <c r="L34" s="25">
        <f>(L2&gt;=$E34)*AND(L2&lt;=$F34)</f>
        <v>0</v>
      </c>
      <c r="M34" s="25">
        <f>(M2&gt;=$E34)*AND(M2&lt;=$F34)</f>
        <v>0</v>
      </c>
      <c r="N34" s="25">
        <f>(N2&gt;=$E34)*AND(N2&lt;=$F34)</f>
        <v>0</v>
      </c>
      <c r="O34" s="25">
        <f>(O2&gt;=$E34)*AND(O2&lt;=$F34)</f>
        <v>1</v>
      </c>
      <c r="P34" s="25">
        <f>(P2&gt;=$E34)*AND(P2&lt;=$F34)</f>
        <v>1</v>
      </c>
      <c r="Q34" s="25">
        <f>(Q2&gt;=$E34)*AND(Q2&lt;=$F34)</f>
        <v>1</v>
      </c>
      <c r="R34" s="25">
        <f>(R2&gt;=$E34)*AND(R2&lt;=$F34)</f>
        <v>1</v>
      </c>
      <c r="S34" s="25">
        <f>(S2&gt;=$E34)*AND(S2&lt;=$F34)</f>
        <v>1</v>
      </c>
      <c r="T34" s="25">
        <f>(T2&gt;=$E34)*AND(T2&lt;=$F34)</f>
        <v>1</v>
      </c>
      <c r="U34" s="25">
        <f>(U2&gt;=$E34)*AND(U2&lt;=$F34)</f>
        <v>1</v>
      </c>
      <c r="V34" s="25">
        <f>(V2&gt;=$E34)*AND(V2&lt;=$F34)</f>
        <v>1</v>
      </c>
      <c r="W34" s="25">
        <f>(W2&gt;=$E34)*AND(W2&lt;=$F34)</f>
        <v>1</v>
      </c>
      <c r="X34" s="25">
        <f>(X2&gt;=$E34)*AND(X2&lt;=$F34)</f>
        <v>1</v>
      </c>
      <c r="Y34" s="25">
        <f>(Y2&gt;=$E34)*AND(Y2&lt;=$F34)</f>
        <v>1</v>
      </c>
      <c r="Z34" s="25">
        <f>(Z2&gt;=$E34)*AND(Z2&lt;=$F34)</f>
        <v>1</v>
      </c>
      <c r="AA34" s="25">
        <f>(AA2&gt;=$E34)*AND(AA2&lt;=$F34)</f>
        <v>1</v>
      </c>
      <c r="AB34" s="25">
        <f>(AB2&gt;=$E34)*AND(AB2&lt;=$F34)</f>
        <v>1</v>
      </c>
      <c r="AC34" s="25">
        <f>(AC2&gt;=$E34)*AND(AC2&lt;=$F34)</f>
        <v>1</v>
      </c>
      <c r="AD34" s="25">
        <f>(AD2&gt;=$E34)*AND(AD2&lt;=$F34)</f>
        <v>1</v>
      </c>
      <c r="AE34" s="25">
        <f>(AE2&gt;=$E34)*AND(AE2&lt;=$F34)</f>
        <v>1</v>
      </c>
      <c r="AF34" s="25">
        <f>(AF2&gt;=$E34)*AND(AF2&lt;=$F34)</f>
        <v>1</v>
      </c>
      <c r="AG34" s="25">
        <f>(AG2&gt;=$E34)*AND(AG2&lt;=$F34)</f>
        <v>1</v>
      </c>
      <c r="AH34" s="25">
        <f>(AH2&gt;=$E34)*AND(AH2&lt;=$F34)</f>
        <v>1</v>
      </c>
      <c r="AI34" s="25">
        <f>(AI2&gt;=$E34)*AND(AI2&lt;=$F34)</f>
        <v>1</v>
      </c>
      <c r="AJ34" s="25">
        <f>(AJ2&gt;=$E34)*AND(AJ2&lt;=$F34)</f>
        <v>1</v>
      </c>
      <c r="AK34" s="25">
        <f>(AK2&gt;=$E34)*AND(AK2&lt;=$F34)</f>
        <v>1</v>
      </c>
      <c r="AL34" s="25">
        <f>(AL2&gt;=$E34)*AND(AL2&lt;=$F34)</f>
        <v>1</v>
      </c>
      <c r="AM34" s="25">
        <f>(AM2&gt;=$E34)*AND(AM2&lt;=$F34)</f>
        <v>1</v>
      </c>
      <c r="AN34" s="25">
        <f>(AN2&gt;=$E34)*AND(AN2&lt;=$F34)</f>
        <v>1</v>
      </c>
      <c r="AO34" s="25">
        <f>(AO2&gt;=$E34)*AND(AO2&lt;=$F34)</f>
        <v>1</v>
      </c>
      <c r="AP34" s="25">
        <f>(AP2&gt;=$E34)*AND(AP2&lt;=$F34)</f>
        <v>1</v>
      </c>
      <c r="AQ34" s="25">
        <f>(AQ2&gt;=$E34)*AND(AQ2&lt;=$F34)</f>
        <v>1</v>
      </c>
      <c r="AR34" s="25">
        <f>(AR2&gt;=$E34)*AND(AR2&lt;=$F34)</f>
        <v>1</v>
      </c>
      <c r="AS34" s="25">
        <f>(AS2&gt;=$E34)*AND(AS2&lt;=$F34)</f>
        <v>1</v>
      </c>
      <c r="AT34" s="25">
        <f>(AT2&gt;=$E34)*AND(AT2&lt;=$F34)</f>
        <v>1</v>
      </c>
      <c r="AU34" s="25">
        <f>(AU2&gt;=$E34)*AND(AU2&lt;=$F34)</f>
        <v>1</v>
      </c>
      <c r="AV34" s="25">
        <f>(AV2&gt;=$E34)*AND(AV2&lt;=$F34)</f>
        <v>1</v>
      </c>
      <c r="AW34" s="25">
        <f>(AW2&gt;=$E34)*AND(AW2&lt;=$F34)</f>
        <v>1</v>
      </c>
      <c r="AX34" s="25">
        <f>(AX2&gt;=$E34)*AND(AX2&lt;=$F34)</f>
        <v>1</v>
      </c>
      <c r="AY34" s="25">
        <f>(AY2&gt;=$E34)*AND(AY2&lt;=$F34)</f>
        <v>1</v>
      </c>
      <c r="AZ34" s="25">
        <f>(AZ2&gt;=$E34)*AND(AZ2&lt;=$F34)</f>
        <v>1</v>
      </c>
      <c r="BA34" s="25">
        <f>(BA2&gt;=$E34)*AND(BA2&lt;=$F34)</f>
        <v>1</v>
      </c>
      <c r="BB34" s="25">
        <f>(BB2&gt;=$E34)*AND(BB2&lt;=$F34)</f>
        <v>1</v>
      </c>
      <c r="BC34" s="25">
        <f>(BC2&gt;=$E34)*AND(BC2&lt;=$F34)</f>
        <v>1</v>
      </c>
      <c r="BD34" s="25">
        <f>(BD2&gt;=$E34)*AND(BD2&lt;=$F34)</f>
        <v>1</v>
      </c>
      <c r="BE34" s="25">
        <f>(BE2&gt;=$E34)*AND(BE2&lt;=$F34)</f>
        <v>1</v>
      </c>
      <c r="BF34" s="25">
        <f>(BF2&gt;=$E34)*AND(BF2&lt;=$F34)</f>
        <v>0</v>
      </c>
      <c r="BG34" s="25">
        <f>(BG2&gt;=$E34)*AND(BG2&lt;=$F34)</f>
        <v>0</v>
      </c>
      <c r="BH34" s="26">
        <f>(BH2&gt;=$E34)*AND(BH2&lt;=$F34)</f>
        <v>0</v>
      </c>
    </row>
    <row r="35" spans="1:60 16371:16371" ht="30" customHeight="1">
      <c r="A35" s="118"/>
      <c r="B35" s="123"/>
      <c r="C35" s="80" t="s">
        <v>86</v>
      </c>
      <c r="D35" s="81" t="s">
        <v>122</v>
      </c>
      <c r="E35" s="82">
        <v>46069</v>
      </c>
      <c r="F35" s="82">
        <v>46363</v>
      </c>
      <c r="G35" s="81"/>
      <c r="H35" s="81"/>
      <c r="I35" s="25">
        <f>(I2&gt;=$E35)*AND(I2&lt;=$F35)</f>
        <v>0</v>
      </c>
      <c r="J35" s="25">
        <f>(J2&gt;=$E35)*AND(J2&lt;=$F35)</f>
        <v>0</v>
      </c>
      <c r="K35" s="25">
        <f>(K2&gt;=$E35)*AND(K2&lt;=$F35)</f>
        <v>0</v>
      </c>
      <c r="L35" s="25">
        <f>(L2&gt;=$E35)*AND(L2&lt;=$F35)</f>
        <v>0</v>
      </c>
      <c r="M35" s="25">
        <f>(M2&gt;=$E35)*AND(M2&lt;=$F35)</f>
        <v>0</v>
      </c>
      <c r="N35" s="25">
        <f>(N2&gt;=$E35)*AND(N2&lt;=$F35)</f>
        <v>0</v>
      </c>
      <c r="O35" s="25">
        <f>(O2&gt;=$E35)*AND(O2&lt;=$F35)</f>
        <v>1</v>
      </c>
      <c r="P35" s="25">
        <f>(P2&gt;=$E35)*AND(P2&lt;=$F35)</f>
        <v>1</v>
      </c>
      <c r="Q35" s="25">
        <f>(Q2&gt;=$E35)*AND(Q2&lt;=$F35)</f>
        <v>1</v>
      </c>
      <c r="R35" s="25">
        <f>(R2&gt;=$E35)*AND(R2&lt;=$F35)</f>
        <v>1</v>
      </c>
      <c r="S35" s="25">
        <f>(S2&gt;=$E35)*AND(S2&lt;=$F35)</f>
        <v>1</v>
      </c>
      <c r="T35" s="25">
        <f>(T2&gt;=$E35)*AND(T2&lt;=$F35)</f>
        <v>1</v>
      </c>
      <c r="U35" s="25">
        <f>(U2&gt;=$E35)*AND(U2&lt;=$F35)</f>
        <v>1</v>
      </c>
      <c r="V35" s="25">
        <f>(V2&gt;=$E35)*AND(V2&lt;=$F35)</f>
        <v>1</v>
      </c>
      <c r="W35" s="25">
        <f>(W2&gt;=$E35)*AND(W2&lt;=$F35)</f>
        <v>1</v>
      </c>
      <c r="X35" s="25">
        <f>(X2&gt;=$E35)*AND(X2&lt;=$F35)</f>
        <v>1</v>
      </c>
      <c r="Y35" s="25">
        <f>(Y2&gt;=$E35)*AND(Y2&lt;=$F35)</f>
        <v>1</v>
      </c>
      <c r="Z35" s="25">
        <f>(Z2&gt;=$E35)*AND(Z2&lt;=$F35)</f>
        <v>1</v>
      </c>
      <c r="AA35" s="25">
        <f>(AA2&gt;=$E35)*AND(AA2&lt;=$F35)</f>
        <v>1</v>
      </c>
      <c r="AB35" s="25">
        <f>(AB2&gt;=$E35)*AND(AB2&lt;=$F35)</f>
        <v>1</v>
      </c>
      <c r="AC35" s="25">
        <f>(AC2&gt;=$E35)*AND(AC2&lt;=$F35)</f>
        <v>1</v>
      </c>
      <c r="AD35" s="25">
        <f>(AD2&gt;=$E35)*AND(AD2&lt;=$F35)</f>
        <v>1</v>
      </c>
      <c r="AE35" s="25">
        <f>(AE2&gt;=$E35)*AND(AE2&lt;=$F35)</f>
        <v>1</v>
      </c>
      <c r="AF35" s="25">
        <f>(AF2&gt;=$E35)*AND(AF2&lt;=$F35)</f>
        <v>1</v>
      </c>
      <c r="AG35" s="25">
        <f>(AG2&gt;=$E35)*AND(AG2&lt;=$F35)</f>
        <v>1</v>
      </c>
      <c r="AH35" s="25">
        <f>(AH2&gt;=$E35)*AND(AH2&lt;=$F35)</f>
        <v>1</v>
      </c>
      <c r="AI35" s="25">
        <f>(AI2&gt;=$E35)*AND(AI2&lt;=$F35)</f>
        <v>1</v>
      </c>
      <c r="AJ35" s="25">
        <f>(AJ2&gt;=$E35)*AND(AJ2&lt;=$F35)</f>
        <v>1</v>
      </c>
      <c r="AK35" s="25">
        <f>(AK2&gt;=$E35)*AND(AK2&lt;=$F35)</f>
        <v>1</v>
      </c>
      <c r="AL35" s="25">
        <f>(AL2&gt;=$E35)*AND(AL2&lt;=$F35)</f>
        <v>1</v>
      </c>
      <c r="AM35" s="25">
        <f>(AM2&gt;=$E35)*AND(AM2&lt;=$F35)</f>
        <v>1</v>
      </c>
      <c r="AN35" s="25">
        <f>(AN2&gt;=$E35)*AND(AN2&lt;=$F35)</f>
        <v>1</v>
      </c>
      <c r="AO35" s="25">
        <f>(AO2&gt;=$E35)*AND(AO2&lt;=$F35)</f>
        <v>1</v>
      </c>
      <c r="AP35" s="25">
        <f>(AP2&gt;=$E35)*AND(AP2&lt;=$F35)</f>
        <v>1</v>
      </c>
      <c r="AQ35" s="25">
        <f>(AQ2&gt;=$E35)*AND(AQ2&lt;=$F35)</f>
        <v>1</v>
      </c>
      <c r="AR35" s="25">
        <f>(AR2&gt;=$E35)*AND(AR2&lt;=$F35)</f>
        <v>1</v>
      </c>
      <c r="AS35" s="25">
        <f>(AS2&gt;=$E35)*AND(AS2&lt;=$F35)</f>
        <v>1</v>
      </c>
      <c r="AT35" s="25">
        <f>(AT2&gt;=$E35)*AND(AT2&lt;=$F35)</f>
        <v>1</v>
      </c>
      <c r="AU35" s="25">
        <f>(AU2&gt;=$E35)*AND(AU2&lt;=$F35)</f>
        <v>1</v>
      </c>
      <c r="AV35" s="25">
        <f>(AV2&gt;=$E35)*AND(AV2&lt;=$F35)</f>
        <v>1</v>
      </c>
      <c r="AW35" s="25">
        <f>(AW2&gt;=$E35)*AND(AW2&lt;=$F35)</f>
        <v>1</v>
      </c>
      <c r="AX35" s="25">
        <f>(AX2&gt;=$E35)*AND(AX2&lt;=$F35)</f>
        <v>1</v>
      </c>
      <c r="AY35" s="25">
        <f>(AY2&gt;=$E35)*AND(AY2&lt;=$F35)</f>
        <v>1</v>
      </c>
      <c r="AZ35" s="25">
        <f>(AZ2&gt;=$E35)*AND(AZ2&lt;=$F35)</f>
        <v>1</v>
      </c>
      <c r="BA35" s="25">
        <f>(BA2&gt;=$E35)*AND(BA2&lt;=$F35)</f>
        <v>1</v>
      </c>
      <c r="BB35" s="25">
        <f>(BB2&gt;=$E35)*AND(BB2&lt;=$F35)</f>
        <v>1</v>
      </c>
      <c r="BC35" s="25">
        <f>(BC2&gt;=$E35)*AND(BC2&lt;=$F35)</f>
        <v>1</v>
      </c>
      <c r="BD35" s="25">
        <f>(BD2&gt;=$E35)*AND(BD2&lt;=$F35)</f>
        <v>1</v>
      </c>
      <c r="BE35" s="25">
        <f>(BE2&gt;=$E35)*AND(BE2&lt;=$F35)</f>
        <v>1</v>
      </c>
      <c r="BF35" s="25">
        <f>(BF2&gt;=$E35)*AND(BF2&lt;=$F35)</f>
        <v>0</v>
      </c>
      <c r="BG35" s="25">
        <f>(BG2&gt;=$E35)*AND(BG2&lt;=$F35)</f>
        <v>0</v>
      </c>
      <c r="BH35" s="26">
        <f>(BH2&gt;=$E35)*AND(BH2&lt;=$F35)</f>
        <v>0</v>
      </c>
    </row>
    <row r="36" spans="1:60 16371:16371" ht="30" customHeight="1">
      <c r="A36" s="118"/>
      <c r="B36" s="123"/>
      <c r="C36" s="80" t="s">
        <v>87</v>
      </c>
      <c r="D36" s="81" t="s">
        <v>122</v>
      </c>
      <c r="E36" s="82">
        <v>46069</v>
      </c>
      <c r="F36" s="82">
        <v>46036</v>
      </c>
      <c r="G36" s="81"/>
      <c r="H36" s="81"/>
      <c r="I36" s="25">
        <f>(I2&gt;=$E36)*AND(I2&lt;=$F36)</f>
        <v>0</v>
      </c>
      <c r="J36" s="25">
        <f>(J2&gt;=$E36)*AND(J2&lt;=$F36)</f>
        <v>0</v>
      </c>
      <c r="K36" s="25">
        <f>(K2&gt;=$E36)*AND(K2&lt;=$F36)</f>
        <v>0</v>
      </c>
      <c r="L36" s="25">
        <f>(L2&gt;=$E36)*AND(L2&lt;=$F36)</f>
        <v>0</v>
      </c>
      <c r="M36" s="25">
        <f>(M2&gt;=$E36)*AND(M2&lt;=$F36)</f>
        <v>0</v>
      </c>
      <c r="N36" s="25">
        <f>(N2&gt;=$E36)*AND(N2&lt;=$F36)</f>
        <v>0</v>
      </c>
      <c r="O36" s="25">
        <f>(O2&gt;=$E36)*AND(O2&lt;=$F36)</f>
        <v>0</v>
      </c>
      <c r="P36" s="25">
        <f>(P2&gt;=$E36)*AND(P2&lt;=$F36)</f>
        <v>0</v>
      </c>
      <c r="Q36" s="25">
        <f>(Q2&gt;=$E36)*AND(Q2&lt;=$F36)</f>
        <v>0</v>
      </c>
      <c r="R36" s="25">
        <f>(R2&gt;=$E36)*AND(R2&lt;=$F36)</f>
        <v>0</v>
      </c>
      <c r="S36" s="25">
        <f>(S2&gt;=$E36)*AND(S2&lt;=$F36)</f>
        <v>0</v>
      </c>
      <c r="T36" s="25">
        <f>(T2&gt;=$E36)*AND(T2&lt;=$F36)</f>
        <v>0</v>
      </c>
      <c r="U36" s="25">
        <f>(U2&gt;=$E36)*AND(U2&lt;=$F36)</f>
        <v>0</v>
      </c>
      <c r="V36" s="25">
        <f>(V2&gt;=$E36)*AND(V2&lt;=$F36)</f>
        <v>0</v>
      </c>
      <c r="W36" s="25">
        <f>(W2&gt;=$E36)*AND(W2&lt;=$F36)</f>
        <v>0</v>
      </c>
      <c r="X36" s="25">
        <f>(X2&gt;=$E36)*AND(X2&lt;=$F36)</f>
        <v>0</v>
      </c>
      <c r="Y36" s="25">
        <f>(Y2&gt;=$E36)*AND(Y2&lt;=$F36)</f>
        <v>0</v>
      </c>
      <c r="Z36" s="25">
        <f>(Z2&gt;=$E36)*AND(Z2&lt;=$F36)</f>
        <v>0</v>
      </c>
      <c r="AA36" s="25">
        <f>(AA2&gt;=$E36)*AND(AA2&lt;=$F36)</f>
        <v>0</v>
      </c>
      <c r="AB36" s="25">
        <f>(AB2&gt;=$E36)*AND(AB2&lt;=$F36)</f>
        <v>0</v>
      </c>
      <c r="AC36" s="25">
        <f>(AC2&gt;=$E36)*AND(AC2&lt;=$F36)</f>
        <v>0</v>
      </c>
      <c r="AD36" s="25">
        <f>(AD2&gt;=$E36)*AND(AD2&lt;=$F36)</f>
        <v>0</v>
      </c>
      <c r="AE36" s="25">
        <f>(AE2&gt;=$E36)*AND(AE2&lt;=$F36)</f>
        <v>0</v>
      </c>
      <c r="AF36" s="25">
        <f>(AF2&gt;=$E36)*AND(AF2&lt;=$F36)</f>
        <v>0</v>
      </c>
      <c r="AG36" s="25">
        <f>(AG2&gt;=$E36)*AND(AG2&lt;=$F36)</f>
        <v>0</v>
      </c>
      <c r="AH36" s="25">
        <f>(AH2&gt;=$E36)*AND(AH2&lt;=$F36)</f>
        <v>0</v>
      </c>
      <c r="AI36" s="25">
        <f>(AI2&gt;=$E36)*AND(AI2&lt;=$F36)</f>
        <v>0</v>
      </c>
      <c r="AJ36" s="25">
        <f>(AJ2&gt;=$E36)*AND(AJ2&lt;=$F36)</f>
        <v>0</v>
      </c>
      <c r="AK36" s="25">
        <f>(AK2&gt;=$E36)*AND(AK2&lt;=$F36)</f>
        <v>0</v>
      </c>
      <c r="AL36" s="25">
        <f>(AL2&gt;=$E36)*AND(AL2&lt;=$F36)</f>
        <v>0</v>
      </c>
      <c r="AM36" s="25">
        <f>(AM2&gt;=$E36)*AND(AM2&lt;=$F36)</f>
        <v>0</v>
      </c>
      <c r="AN36" s="25">
        <f>(AN2&gt;=$E36)*AND(AN2&lt;=$F36)</f>
        <v>0</v>
      </c>
      <c r="AO36" s="25">
        <f>(AO2&gt;=$E36)*AND(AO2&lt;=$F36)</f>
        <v>0</v>
      </c>
      <c r="AP36" s="25">
        <f>(AP2&gt;=$E36)*AND(AP2&lt;=$F36)</f>
        <v>0</v>
      </c>
      <c r="AQ36" s="25">
        <f>(AQ2&gt;=$E36)*AND(AQ2&lt;=$F36)</f>
        <v>0</v>
      </c>
      <c r="AR36" s="25">
        <f>(AR2&gt;=$E36)*AND(AR2&lt;=$F36)</f>
        <v>0</v>
      </c>
      <c r="AS36" s="25">
        <f>(AS2&gt;=$E36)*AND(AS2&lt;=$F36)</f>
        <v>0</v>
      </c>
      <c r="AT36" s="25">
        <f>(AT2&gt;=$E36)*AND(AT2&lt;=$F36)</f>
        <v>0</v>
      </c>
      <c r="AU36" s="25">
        <f>(AU2&gt;=$E36)*AND(AU2&lt;=$F36)</f>
        <v>0</v>
      </c>
      <c r="AV36" s="25">
        <f>(AV2&gt;=$E36)*AND(AV2&lt;=$F36)</f>
        <v>0</v>
      </c>
      <c r="AW36" s="25">
        <f>(AW2&gt;=$E36)*AND(AW2&lt;=$F36)</f>
        <v>0</v>
      </c>
      <c r="AX36" s="25">
        <f>(AX2&gt;=$E36)*AND(AX2&lt;=$F36)</f>
        <v>0</v>
      </c>
      <c r="AY36" s="25">
        <f>(AY2&gt;=$E36)*AND(AY2&lt;=$F36)</f>
        <v>0</v>
      </c>
      <c r="AZ36" s="25">
        <f>(AZ2&gt;=$E36)*AND(AZ2&lt;=$F36)</f>
        <v>0</v>
      </c>
      <c r="BA36" s="25">
        <f>(BA2&gt;=$E36)*AND(BA2&lt;=$F36)</f>
        <v>0</v>
      </c>
      <c r="BB36" s="25">
        <f>(BB2&gt;=$E36)*AND(BB2&lt;=$F36)</f>
        <v>0</v>
      </c>
      <c r="BC36" s="25">
        <f>(BC2&gt;=$E36)*AND(BC2&lt;=$F36)</f>
        <v>0</v>
      </c>
      <c r="BD36" s="25">
        <f>(BD2&gt;=$E36)*AND(BD2&lt;=$F36)</f>
        <v>0</v>
      </c>
      <c r="BE36" s="25">
        <f>(BE2&gt;=$E36)*AND(BE2&lt;=$F36)</f>
        <v>0</v>
      </c>
      <c r="BF36" s="25">
        <f>(BF2&gt;=$E36)*AND(BF2&lt;=$F36)</f>
        <v>0</v>
      </c>
      <c r="BG36" s="25">
        <f>(BG2&gt;=$E36)*AND(BG2&lt;=$F36)</f>
        <v>0</v>
      </c>
      <c r="BH36" s="26">
        <f>(BH2&gt;=$E36)*AND(BH2&lt;=$F36)</f>
        <v>0</v>
      </c>
    </row>
    <row r="37" spans="1:60 16371:16371" ht="30" customHeight="1">
      <c r="A37" s="118"/>
      <c r="B37" s="123"/>
      <c r="C37" s="80" t="s">
        <v>88</v>
      </c>
      <c r="D37" s="81" t="s">
        <v>122</v>
      </c>
      <c r="E37" s="81"/>
      <c r="F37" s="81"/>
      <c r="G37" s="81"/>
      <c r="H37" s="81" t="s">
        <v>128</v>
      </c>
      <c r="I37" s="27"/>
      <c r="J37" s="27"/>
      <c r="K37" s="27"/>
      <c r="L37" s="27"/>
      <c r="M37" s="27"/>
      <c r="N37" s="28"/>
      <c r="O37" s="27"/>
      <c r="P37" s="27"/>
      <c r="Q37" s="27"/>
      <c r="R37" s="27"/>
      <c r="S37" s="27"/>
      <c r="T37" s="27"/>
      <c r="U37" s="27"/>
      <c r="V37" s="28"/>
      <c r="W37" s="27"/>
      <c r="X37" s="27"/>
      <c r="Y37" s="27"/>
      <c r="Z37" s="27"/>
      <c r="AA37" s="27"/>
      <c r="AB37" s="27"/>
      <c r="AC37" s="27"/>
      <c r="AD37" s="28"/>
      <c r="AE37" s="27"/>
      <c r="AF37" s="27"/>
      <c r="AG37" s="27"/>
      <c r="AH37" s="27"/>
      <c r="AI37" s="27"/>
      <c r="AJ37" s="27"/>
      <c r="AK37" s="27"/>
      <c r="AL37" s="28"/>
      <c r="AM37" s="27"/>
      <c r="AN37" s="27"/>
      <c r="AO37" s="27"/>
      <c r="AP37" s="27"/>
      <c r="AQ37" s="27"/>
      <c r="AR37" s="27"/>
      <c r="AS37" s="27"/>
      <c r="AT37" s="27"/>
      <c r="AU37" s="28"/>
      <c r="AV37" s="27"/>
      <c r="AW37" s="27"/>
      <c r="AX37" s="27"/>
      <c r="AY37" s="27"/>
      <c r="AZ37" s="27"/>
      <c r="BA37" s="27"/>
      <c r="BB37" s="27"/>
      <c r="BC37" s="28"/>
      <c r="BD37" s="25">
        <f>(BD2&gt;=$E37)*AND(BD2&lt;=$F37)</f>
        <v>0</v>
      </c>
      <c r="BE37" s="25">
        <f>(BE2&gt;=$E37)*AND(BE2&lt;=$F37)</f>
        <v>0</v>
      </c>
      <c r="BF37" s="25">
        <f>(BF2&gt;=$E37)*AND(BF2&lt;=$F37)</f>
        <v>0</v>
      </c>
      <c r="BG37" s="25">
        <f>(BG2&gt;=$E37)*AND(BG2&lt;=$F37)</f>
        <v>0</v>
      </c>
      <c r="BH37" s="26">
        <f>(BH2&gt;=$E37)*AND(BH2&lt;=$F37)</f>
        <v>0</v>
      </c>
    </row>
    <row r="38" spans="1:60 16371:16371" ht="30" customHeight="1">
      <c r="A38" s="118"/>
      <c r="B38" s="123"/>
      <c r="C38" s="80" t="s">
        <v>89</v>
      </c>
      <c r="D38" s="81" t="s">
        <v>122</v>
      </c>
      <c r="E38" s="81"/>
      <c r="F38" s="81"/>
      <c r="G38" s="81"/>
      <c r="H38" s="81" t="s">
        <v>128</v>
      </c>
      <c r="I38" s="28"/>
      <c r="J38" s="27"/>
      <c r="K38" s="27"/>
      <c r="L38" s="27"/>
      <c r="M38" s="27"/>
      <c r="N38" s="27"/>
      <c r="O38" s="27"/>
      <c r="P38" s="27"/>
      <c r="Q38" s="28"/>
      <c r="R38" s="27"/>
      <c r="S38" s="27"/>
      <c r="T38" s="27"/>
      <c r="U38" s="27"/>
      <c r="V38" s="27"/>
      <c r="W38" s="27"/>
      <c r="X38" s="27"/>
      <c r="Y38" s="28"/>
      <c r="Z38" s="27"/>
      <c r="AA38" s="27"/>
      <c r="AB38" s="27"/>
      <c r="AC38" s="27"/>
      <c r="AD38" s="27"/>
      <c r="AE38" s="27"/>
      <c r="AF38" s="27"/>
      <c r="AG38" s="28"/>
      <c r="AH38" s="27"/>
      <c r="AI38" s="27"/>
      <c r="AJ38" s="27"/>
      <c r="AK38" s="27"/>
      <c r="AL38" s="27"/>
      <c r="AM38" s="27"/>
      <c r="AN38" s="27"/>
      <c r="AO38" s="28"/>
      <c r="AP38" s="27"/>
      <c r="AQ38" s="27"/>
      <c r="AR38" s="27"/>
      <c r="AS38" s="27"/>
      <c r="AT38" s="27"/>
      <c r="AU38" s="27"/>
      <c r="AV38" s="27"/>
      <c r="AW38" s="28"/>
      <c r="AX38" s="27"/>
      <c r="AY38" s="27"/>
      <c r="AZ38" s="27"/>
      <c r="BA38" s="27"/>
      <c r="BB38" s="27"/>
      <c r="BC38" s="27"/>
      <c r="BD38" s="25">
        <f>(BD2&gt;=$E38)*AND(BD2&lt;=$F38)</f>
        <v>0</v>
      </c>
      <c r="BE38" s="25">
        <f>(BE2&gt;=$E38)*AND(BE2&lt;=$F38)</f>
        <v>0</v>
      </c>
      <c r="BF38" s="25">
        <f>(BF2&gt;=$E38)*AND(BF2&lt;=$F38)</f>
        <v>0</v>
      </c>
      <c r="BG38" s="25">
        <f>(BG2&gt;=$E38)*AND(BG2&lt;=$F38)</f>
        <v>0</v>
      </c>
      <c r="BH38" s="26">
        <f>(BH2&gt;=$E38)*AND(BH2&lt;=$F38)</f>
        <v>0</v>
      </c>
    </row>
    <row r="39" spans="1:60 16371:16371" ht="30" customHeight="1">
      <c r="A39" s="118"/>
      <c r="B39" s="123"/>
      <c r="C39" s="80" t="s">
        <v>52</v>
      </c>
      <c r="D39" s="81" t="s">
        <v>102</v>
      </c>
      <c r="E39" s="83">
        <v>46216</v>
      </c>
      <c r="F39" s="83">
        <v>46216</v>
      </c>
      <c r="G39" s="81"/>
      <c r="H39" s="81" t="s">
        <v>129</v>
      </c>
      <c r="I39" s="25">
        <f>(I2&gt;=$E39)*AND(I2&lt;=$F39)</f>
        <v>0</v>
      </c>
      <c r="J39" s="25">
        <f>(J2&gt;=$E39)*AND(J2&lt;=$F39)</f>
        <v>0</v>
      </c>
      <c r="K39" s="25">
        <f>(K2&gt;=$E39)*AND(K2&lt;=$F39)</f>
        <v>0</v>
      </c>
      <c r="L39" s="25">
        <f>(L2&gt;=$E39)*AND(L2&lt;=$F39)</f>
        <v>0</v>
      </c>
      <c r="M39" s="25">
        <f>(M2&gt;=$E39)*AND(M2&lt;=$F39)</f>
        <v>0</v>
      </c>
      <c r="N39" s="25">
        <f>(N2&gt;=$E39)*AND(N2&lt;=$F39)</f>
        <v>0</v>
      </c>
      <c r="O39" s="25">
        <f>(O2&gt;=$E39)*AND(O2&lt;=$F39)</f>
        <v>0</v>
      </c>
      <c r="P39" s="25">
        <f>(P2&gt;=$E39)*AND(P2&lt;=$F39)</f>
        <v>0</v>
      </c>
      <c r="Q39" s="25">
        <f>(Q2&gt;=$E39)*AND(Q2&lt;=$F39)</f>
        <v>0</v>
      </c>
      <c r="R39" s="25">
        <f>(R2&gt;=$E39)*AND(R2&lt;=$F39)</f>
        <v>0</v>
      </c>
      <c r="S39" s="25">
        <f>(S2&gt;=$E39)*AND(S2&lt;=$F39)</f>
        <v>0</v>
      </c>
      <c r="T39" s="25">
        <f>(T2&gt;=$E39)*AND(T2&lt;=$F39)</f>
        <v>0</v>
      </c>
      <c r="U39" s="25">
        <f>(U2&gt;=$E39)*AND(U2&lt;=$F39)</f>
        <v>0</v>
      </c>
      <c r="V39" s="25">
        <f>(V2&gt;=$E39)*AND(V2&lt;=$F39)</f>
        <v>0</v>
      </c>
      <c r="W39" s="25">
        <f>(W2&gt;=$E39)*AND(W2&lt;=$F39)</f>
        <v>0</v>
      </c>
      <c r="X39" s="25">
        <f>(X2&gt;=$E39)*AND(X2&lt;=$F39)</f>
        <v>0</v>
      </c>
      <c r="Y39" s="25">
        <f>(Y2&gt;=$E39)*AND(Y2&lt;=$F39)</f>
        <v>0</v>
      </c>
      <c r="Z39" s="25">
        <f>(Z2&gt;=$E39)*AND(Z2&lt;=$F39)</f>
        <v>0</v>
      </c>
      <c r="AA39" s="25">
        <f>(AA2&gt;=$E39)*AND(AA2&lt;=$F39)</f>
        <v>0</v>
      </c>
      <c r="AB39" s="25">
        <f>(AB2&gt;=$E39)*AND(AB2&lt;=$F39)</f>
        <v>0</v>
      </c>
      <c r="AC39" s="25">
        <f>(AC2&gt;=$E39)*AND(AC2&lt;=$F39)</f>
        <v>0</v>
      </c>
      <c r="AD39" s="25">
        <f>(AD2&gt;=$E39)*AND(AD2&lt;=$F39)</f>
        <v>0</v>
      </c>
      <c r="AE39" s="25">
        <f>(AE2&gt;=$E39)*AND(AE2&lt;=$F39)</f>
        <v>0</v>
      </c>
      <c r="AF39" s="25">
        <f>(AF2&gt;=$E39)*AND(AF2&lt;=$F39)</f>
        <v>0</v>
      </c>
      <c r="AG39" s="25">
        <f>(AG2&gt;=$E39)*AND(AG2&lt;=$F39)</f>
        <v>0</v>
      </c>
      <c r="AH39" s="25">
        <f>(AH2&gt;=$E39)*AND(AH2&lt;=$F39)</f>
        <v>0</v>
      </c>
      <c r="AI39" s="25">
        <f>(AI2&gt;=$E39)*AND(AI2&lt;=$F39)</f>
        <v>0</v>
      </c>
      <c r="AJ39" s="25">
        <f>(AJ2&gt;=$E39)*AND(AJ2&lt;=$F39)</f>
        <v>1</v>
      </c>
      <c r="AK39" s="25">
        <f>(AK2&gt;=$E39)*AND(AK2&lt;=$F39)</f>
        <v>0</v>
      </c>
      <c r="AL39" s="25">
        <f>(AL2&gt;=$E39)*AND(AL2&lt;=$F39)</f>
        <v>0</v>
      </c>
      <c r="AM39" s="25">
        <f>(AM2&gt;=$E39)*AND(AM2&lt;=$F39)</f>
        <v>0</v>
      </c>
      <c r="AN39" s="25">
        <f>(AN2&gt;=$E39)*AND(AN2&lt;=$F39)</f>
        <v>0</v>
      </c>
      <c r="AO39" s="25">
        <f>(AO2&gt;=$E39)*AND(AO2&lt;=$F39)</f>
        <v>0</v>
      </c>
      <c r="AP39" s="25">
        <f>(AP2&gt;=$E39)*AND(AP2&lt;=$F39)</f>
        <v>0</v>
      </c>
      <c r="AQ39" s="25">
        <f>(AQ2&gt;=$E39)*AND(AQ2&lt;=$F39)</f>
        <v>0</v>
      </c>
      <c r="AR39" s="25">
        <f>(AR2&gt;=$E39)*AND(AR2&lt;=$F39)</f>
        <v>0</v>
      </c>
      <c r="AS39" s="25">
        <f>(AS2&gt;=$E39)*AND(AS2&lt;=$F39)</f>
        <v>0</v>
      </c>
      <c r="AT39" s="25">
        <f>(AT2&gt;=$E39)*AND(AT2&lt;=$F39)</f>
        <v>0</v>
      </c>
      <c r="AU39" s="25">
        <f>(AU2&gt;=$E39)*AND(AU2&lt;=$F39)</f>
        <v>0</v>
      </c>
      <c r="AV39" s="25">
        <f>(AV2&gt;=$E39)*AND(AV2&lt;=$F39)</f>
        <v>0</v>
      </c>
      <c r="AW39" s="25">
        <f>(AW2&gt;=$E39)*AND(AW2&lt;=$F39)</f>
        <v>0</v>
      </c>
      <c r="AX39" s="25">
        <f>(AX2&gt;=$E39)*AND(AX2&lt;=$F39)</f>
        <v>0</v>
      </c>
      <c r="AY39" s="25">
        <f>(AY2&gt;=$E39)*AND(AY2&lt;=$F39)</f>
        <v>0</v>
      </c>
      <c r="AZ39" s="25">
        <f>(AZ2&gt;=$E39)*AND(AZ2&lt;=$F39)</f>
        <v>0</v>
      </c>
      <c r="BA39" s="25">
        <f>(BA2&gt;=$E39)*AND(BA2&lt;=$F39)</f>
        <v>0</v>
      </c>
      <c r="BB39" s="25">
        <f>(BB2&gt;=$E39)*AND(BB2&lt;=$F39)</f>
        <v>0</v>
      </c>
      <c r="BC39" s="25">
        <f>(BC2&gt;=$E39)*AND(BC2&lt;=$F39)</f>
        <v>0</v>
      </c>
      <c r="BD39" s="25">
        <f>(BD2&gt;=$E39)*AND(BD2&lt;=$F39)</f>
        <v>0</v>
      </c>
      <c r="BE39" s="25">
        <f>(BE2&gt;=$E39)*AND(BE2&lt;=$F39)</f>
        <v>0</v>
      </c>
      <c r="BF39" s="25">
        <f>(BF2&gt;=$E39)*AND(BF2&lt;=$F39)</f>
        <v>0</v>
      </c>
      <c r="BG39" s="25">
        <f>(BG2&gt;=$E39)*AND(BG2&lt;=$F39)</f>
        <v>0</v>
      </c>
      <c r="BH39" s="26">
        <f>(BH2&gt;=$E39)*AND(BH2&lt;=$F39)</f>
        <v>0</v>
      </c>
      <c r="XEQ39" s="4"/>
    </row>
    <row r="40" spans="1:60 16371:16371" s="3" customFormat="1" ht="30" customHeight="1">
      <c r="A40" s="118"/>
      <c r="B40" s="123"/>
      <c r="C40" s="80" t="s">
        <v>90</v>
      </c>
      <c r="D40" s="81" t="s">
        <v>102</v>
      </c>
      <c r="E40" s="82">
        <v>46237</v>
      </c>
      <c r="F40" s="82">
        <v>46237</v>
      </c>
      <c r="G40" s="81"/>
      <c r="H40" s="81" t="s">
        <v>129</v>
      </c>
      <c r="I40" s="25">
        <f>(I2&gt;=$E40)*AND(I2&lt;=$F40)</f>
        <v>0</v>
      </c>
      <c r="J40" s="25">
        <f>(J2&gt;=$E40)*AND(J2&lt;=$F40)</f>
        <v>0</v>
      </c>
      <c r="K40" s="25">
        <f>(K2&gt;=$E40)*AND(K2&lt;=$F40)</f>
        <v>0</v>
      </c>
      <c r="L40" s="25">
        <f>(L2&gt;=$E40)*AND(L2&lt;=$F40)</f>
        <v>0</v>
      </c>
      <c r="M40" s="25">
        <f>(M2&gt;=$E40)*AND(M2&lt;=$F40)</f>
        <v>0</v>
      </c>
      <c r="N40" s="25">
        <f>(N2&gt;=$E40)*AND(N2&lt;=$F40)</f>
        <v>0</v>
      </c>
      <c r="O40" s="25">
        <f>(O2&gt;=$E40)*AND(O2&lt;=$F40)</f>
        <v>0</v>
      </c>
      <c r="P40" s="25">
        <f>(P2&gt;=$E40)*AND(P2&lt;=$F40)</f>
        <v>0</v>
      </c>
      <c r="Q40" s="25">
        <f>(Q2&gt;=$E40)*AND(Q2&lt;=$F40)</f>
        <v>0</v>
      </c>
      <c r="R40" s="25">
        <f>(R2&gt;=$E40)*AND(R2&lt;=$F40)</f>
        <v>0</v>
      </c>
      <c r="S40" s="25">
        <f>(S2&gt;=$E40)*AND(S2&lt;=$F40)</f>
        <v>0</v>
      </c>
      <c r="T40" s="25">
        <f>(T2&gt;=$E40)*AND(T2&lt;=$F40)</f>
        <v>0</v>
      </c>
      <c r="U40" s="25">
        <f>(U2&gt;=$E40)*AND(U2&lt;=$F40)</f>
        <v>0</v>
      </c>
      <c r="V40" s="25">
        <f>(V2&gt;=$E40)*AND(V2&lt;=$F40)</f>
        <v>0</v>
      </c>
      <c r="W40" s="25">
        <f>(W2&gt;=$E40)*AND(W2&lt;=$F40)</f>
        <v>0</v>
      </c>
      <c r="X40" s="25">
        <f>(X2&gt;=$E40)*AND(X2&lt;=$F40)</f>
        <v>0</v>
      </c>
      <c r="Y40" s="25">
        <f>(Y2&gt;=$E40)*AND(Y2&lt;=$F40)</f>
        <v>0</v>
      </c>
      <c r="Z40" s="25">
        <f>(Z2&gt;=$E40)*AND(Z2&lt;=$F40)</f>
        <v>0</v>
      </c>
      <c r="AA40" s="25">
        <f>(AA2&gt;=$E40)*AND(AA2&lt;=$F40)</f>
        <v>0</v>
      </c>
      <c r="AB40" s="25">
        <f>(AB2&gt;=$E40)*AND(AB2&lt;=$F40)</f>
        <v>0</v>
      </c>
      <c r="AC40" s="25">
        <f>(AC2&gt;=$E40)*AND(AC2&lt;=$F40)</f>
        <v>0</v>
      </c>
      <c r="AD40" s="25">
        <f>(AD2&gt;=$E40)*AND(AD2&lt;=$F40)</f>
        <v>0</v>
      </c>
      <c r="AE40" s="25">
        <f>(AE2&gt;=$E40)*AND(AE2&lt;=$F40)</f>
        <v>0</v>
      </c>
      <c r="AF40" s="25">
        <f>(AF2&gt;=$E40)*AND(AF2&lt;=$F40)</f>
        <v>0</v>
      </c>
      <c r="AG40" s="25">
        <f>(AG2&gt;=$E40)*AND(AG2&lt;=$F40)</f>
        <v>0</v>
      </c>
      <c r="AH40" s="25">
        <f>(AH2&gt;=$E40)*AND(AH2&lt;=$F40)</f>
        <v>0</v>
      </c>
      <c r="AI40" s="25">
        <f>(AI2&gt;=$E40)*AND(AI2&lt;=$F40)</f>
        <v>0</v>
      </c>
      <c r="AJ40" s="25">
        <f>(AJ2&gt;=$E40)*AND(AJ2&lt;=$F40)</f>
        <v>0</v>
      </c>
      <c r="AK40" s="25">
        <f>(AK2&gt;=$E40)*AND(AK2&lt;=$F40)</f>
        <v>0</v>
      </c>
      <c r="AL40" s="25">
        <f>(AL2&gt;=$E40)*AND(AL2&lt;=$F40)</f>
        <v>0</v>
      </c>
      <c r="AM40" s="25">
        <f>(AM2&gt;=$E40)*AND(AM2&lt;=$F40)</f>
        <v>1</v>
      </c>
      <c r="AN40" s="25">
        <f>(AN2&gt;=$E40)*AND(AN2&lt;=$F40)</f>
        <v>0</v>
      </c>
      <c r="AO40" s="25">
        <f>(AO2&gt;=$E40)*AND(AO2&lt;=$F40)</f>
        <v>0</v>
      </c>
      <c r="AP40" s="25">
        <f>(AP2&gt;=$E40)*AND(AP2&lt;=$F40)</f>
        <v>0</v>
      </c>
      <c r="AQ40" s="25">
        <f>(AQ2&gt;=$E40)*AND(AQ2&lt;=$F40)</f>
        <v>0</v>
      </c>
      <c r="AR40" s="25">
        <f>(AR2&gt;=$E40)*AND(AR2&lt;=$F40)</f>
        <v>0</v>
      </c>
      <c r="AS40" s="25">
        <f>(AS2&gt;=$E40)*AND(AS2&lt;=$F40)</f>
        <v>0</v>
      </c>
      <c r="AT40" s="25">
        <f>(AT2&gt;=$E40)*AND(AT2&lt;=$F40)</f>
        <v>0</v>
      </c>
      <c r="AU40" s="25">
        <f>(AU2&gt;=$E40)*AND(AU2&lt;=$F40)</f>
        <v>0</v>
      </c>
      <c r="AV40" s="25">
        <f>(AV2&gt;=$E40)*AND(AV2&lt;=$F40)</f>
        <v>0</v>
      </c>
      <c r="AW40" s="25">
        <f>(AW2&gt;=$E40)*AND(AW2&lt;=$F40)</f>
        <v>0</v>
      </c>
      <c r="AX40" s="25">
        <f>(AX2&gt;=$E40)*AND(AX2&lt;=$F40)</f>
        <v>0</v>
      </c>
      <c r="AY40" s="25">
        <f>(AY2&gt;=$E40)*AND(AY2&lt;=$F40)</f>
        <v>0</v>
      </c>
      <c r="AZ40" s="25">
        <f>(AZ2&gt;=$E40)*AND(AZ2&lt;=$F40)</f>
        <v>0</v>
      </c>
      <c r="BA40" s="25">
        <f>(BA2&gt;=$E40)*AND(BA2&lt;=$F40)</f>
        <v>0</v>
      </c>
      <c r="BB40" s="25">
        <f>(BB2&gt;=$E40)*AND(BB2&lt;=$F40)</f>
        <v>0</v>
      </c>
      <c r="BC40" s="25">
        <f>(BC2&gt;=$E40)*AND(BC2&lt;=$F40)</f>
        <v>0</v>
      </c>
      <c r="BD40" s="25">
        <f>(BD2&gt;=$E40)*AND(BD2&lt;=$F40)</f>
        <v>0</v>
      </c>
      <c r="BE40" s="25">
        <f>(BE2&gt;=$E40)*AND(BE2&lt;=$F40)</f>
        <v>0</v>
      </c>
      <c r="BF40" s="25">
        <f>(BF2&gt;=$E40)*AND(BF2&lt;=$F40)</f>
        <v>0</v>
      </c>
      <c r="BG40" s="25">
        <f>(BG2&gt;=$E40)*AND(BG2&lt;=$F40)</f>
        <v>0</v>
      </c>
      <c r="BH40" s="26">
        <f>(BH2&gt;=$E40)*AND(BH2&lt;=$F40)</f>
        <v>0</v>
      </c>
    </row>
    <row r="41" spans="1:60 16371:16371" ht="30" customHeight="1">
      <c r="A41" s="118"/>
      <c r="B41" s="123"/>
      <c r="C41" s="84" t="s">
        <v>18</v>
      </c>
      <c r="D41" s="85" t="s">
        <v>102</v>
      </c>
      <c r="E41" s="86">
        <v>46244</v>
      </c>
      <c r="F41" s="86">
        <v>46279</v>
      </c>
      <c r="G41" s="85"/>
      <c r="H41" s="85"/>
      <c r="I41" s="25">
        <f>(I2&gt;=$E41)*AND(I2&lt;=$F41)</f>
        <v>0</v>
      </c>
      <c r="J41" s="25">
        <f>(J2&gt;=$E41)*AND(J2&lt;=$F41)</f>
        <v>0</v>
      </c>
      <c r="K41" s="25">
        <f>(K2&gt;=$E41)*AND(K2&lt;=$F41)</f>
        <v>0</v>
      </c>
      <c r="L41" s="25">
        <f>(L2&gt;=$E41)*AND(L2&lt;=$F41)</f>
        <v>0</v>
      </c>
      <c r="M41" s="25">
        <f>(M2&gt;=$E41)*AND(M2&lt;=$F41)</f>
        <v>0</v>
      </c>
      <c r="N41" s="25">
        <f>(N2&gt;=$E41)*AND(N2&lt;=$F41)</f>
        <v>0</v>
      </c>
      <c r="O41" s="25">
        <f>(O2&gt;=$E41)*AND(O2&lt;=$F41)</f>
        <v>0</v>
      </c>
      <c r="P41" s="25">
        <f>(P2&gt;=$E41)*AND(P2&lt;=$F41)</f>
        <v>0</v>
      </c>
      <c r="Q41" s="25">
        <f>(Q2&gt;=$E41)*AND(Q2&lt;=$F41)</f>
        <v>0</v>
      </c>
      <c r="R41" s="25">
        <f>(R2&gt;=$E41)*AND(R2&lt;=$F41)</f>
        <v>0</v>
      </c>
      <c r="S41" s="25">
        <f>(S2&gt;=$E41)*AND(S2&lt;=$F41)</f>
        <v>0</v>
      </c>
      <c r="T41" s="25">
        <f>(T2&gt;=$E41)*AND(T2&lt;=$F41)</f>
        <v>0</v>
      </c>
      <c r="U41" s="25">
        <f>(U2&gt;=$E41)*AND(U2&lt;=$F41)</f>
        <v>0</v>
      </c>
      <c r="V41" s="25">
        <f>(V2&gt;=$E41)*AND(V2&lt;=$F41)</f>
        <v>0</v>
      </c>
      <c r="W41" s="25">
        <f>(W2&gt;=$E41)*AND(W2&lt;=$F41)</f>
        <v>0</v>
      </c>
      <c r="X41" s="25">
        <f>(X2&gt;=$E41)*AND(X2&lt;=$F41)</f>
        <v>0</v>
      </c>
      <c r="Y41" s="25">
        <f>(Y2&gt;=$E41)*AND(Y2&lt;=$F41)</f>
        <v>0</v>
      </c>
      <c r="Z41" s="25">
        <f>(Z2&gt;=$E41)*AND(Z2&lt;=$F41)</f>
        <v>0</v>
      </c>
      <c r="AA41" s="25">
        <f>(AA2&gt;=$E41)*AND(AA2&lt;=$F41)</f>
        <v>0</v>
      </c>
      <c r="AB41" s="25">
        <f>(AB2&gt;=$E41)*AND(AB2&lt;=$F41)</f>
        <v>0</v>
      </c>
      <c r="AC41" s="25">
        <f>(AC2&gt;=$E41)*AND(AC2&lt;=$F41)</f>
        <v>0</v>
      </c>
      <c r="AD41" s="25">
        <f>(AD2&gt;=$E41)*AND(AD2&lt;=$F41)</f>
        <v>0</v>
      </c>
      <c r="AE41" s="25">
        <f>(AE2&gt;=$E41)*AND(AE2&lt;=$F41)</f>
        <v>0</v>
      </c>
      <c r="AF41" s="25">
        <f>(AF2&gt;=$E41)*AND(AF2&lt;=$F41)</f>
        <v>0</v>
      </c>
      <c r="AG41" s="25">
        <f>(AG2&gt;=$E41)*AND(AG2&lt;=$F41)</f>
        <v>0</v>
      </c>
      <c r="AH41" s="25">
        <f>(AH2&gt;=$E41)*AND(AH2&lt;=$F41)</f>
        <v>0</v>
      </c>
      <c r="AI41" s="25">
        <f>(AI2&gt;=$E41)*AND(AI2&lt;=$F41)</f>
        <v>0</v>
      </c>
      <c r="AJ41" s="25">
        <f>(AJ2&gt;=$E41)*AND(AJ2&lt;=$F41)</f>
        <v>0</v>
      </c>
      <c r="AK41" s="25">
        <f>(AK2&gt;=$E41)*AND(AK2&lt;=$F41)</f>
        <v>0</v>
      </c>
      <c r="AL41" s="25">
        <f>(AL2&gt;=$E41)*AND(AL2&lt;=$F41)</f>
        <v>0</v>
      </c>
      <c r="AM41" s="25">
        <f>(AM2&gt;=$E41)*AND(AM2&lt;=$F41)</f>
        <v>0</v>
      </c>
      <c r="AN41" s="25">
        <f>(AN2&gt;=$E41)*AND(AN2&lt;=$F41)</f>
        <v>1</v>
      </c>
      <c r="AO41" s="25">
        <f>(AO2&gt;=$E41)*AND(AO2&lt;=$F41)</f>
        <v>1</v>
      </c>
      <c r="AP41" s="25">
        <f>(AP2&gt;=$E41)*AND(AP2&lt;=$F41)</f>
        <v>1</v>
      </c>
      <c r="AQ41" s="25">
        <f>(AQ2&gt;=$E41)*AND(AQ2&lt;=$F41)</f>
        <v>1</v>
      </c>
      <c r="AR41" s="25">
        <f>(AR2&gt;=$E41)*AND(AR2&lt;=$F41)</f>
        <v>1</v>
      </c>
      <c r="AS41" s="25">
        <f>(AS2&gt;=$E41)*AND(AS2&lt;=$F41)</f>
        <v>1</v>
      </c>
      <c r="AT41" s="25">
        <f>(AT2&gt;=$E41)*AND(AT2&lt;=$F41)</f>
        <v>0</v>
      </c>
      <c r="AU41" s="25">
        <f>(AU2&gt;=$E41)*AND(AU2&lt;=$F41)</f>
        <v>0</v>
      </c>
      <c r="AV41" s="25">
        <f>(AV2&gt;=$E41)*AND(AV2&lt;=$F41)</f>
        <v>0</v>
      </c>
      <c r="AW41" s="25">
        <f>(AW2&gt;=$E41)*AND(AW2&lt;=$F41)</f>
        <v>0</v>
      </c>
      <c r="AX41" s="25">
        <f>(AX2&gt;=$E41)*AND(AX2&lt;=$F41)</f>
        <v>0</v>
      </c>
      <c r="AY41" s="25">
        <f>(AY2&gt;=$E41)*AND(AY2&lt;=$F41)</f>
        <v>0</v>
      </c>
      <c r="AZ41" s="25">
        <f>(AZ2&gt;=$E41)*AND(AZ2&lt;=$F41)</f>
        <v>0</v>
      </c>
      <c r="BA41" s="25">
        <f>(BA2&gt;=$E41)*AND(BA2&lt;=$F41)</f>
        <v>0</v>
      </c>
      <c r="BB41" s="25">
        <f>(BB2&gt;=$E41)*AND(BB2&lt;=$F41)</f>
        <v>0</v>
      </c>
      <c r="BC41" s="25">
        <f>(BC2&gt;=$E41)*AND(BC2&lt;=$F41)</f>
        <v>0</v>
      </c>
      <c r="BD41" s="25">
        <f>(BD2&gt;=$E41)*AND(BD2&lt;=$F41)</f>
        <v>0</v>
      </c>
      <c r="BE41" s="25">
        <f>(BE2&gt;=$E41)*AND(BE2&lt;=$F41)</f>
        <v>0</v>
      </c>
      <c r="BF41" s="25">
        <f>(BF2&gt;=$E41)*AND(BF2&lt;=$F41)</f>
        <v>0</v>
      </c>
      <c r="BG41" s="25">
        <f>(BG2&gt;=$E41)*AND(BG2&lt;=$F41)</f>
        <v>0</v>
      </c>
      <c r="BH41" s="26">
        <f>(BH2&gt;=$E41)*AND(BH2&lt;=$F41)</f>
        <v>0</v>
      </c>
    </row>
    <row r="42" spans="1:60 16371:16371" ht="30" customHeight="1">
      <c r="A42" s="62"/>
      <c r="B42" s="109" t="s">
        <v>91</v>
      </c>
      <c r="C42" s="87" t="s">
        <v>92</v>
      </c>
      <c r="D42" s="88" t="s">
        <v>102</v>
      </c>
      <c r="E42" s="89">
        <v>45936</v>
      </c>
      <c r="F42" s="89">
        <v>46216</v>
      </c>
      <c r="G42" s="90"/>
      <c r="H42" s="91" t="s">
        <v>130</v>
      </c>
      <c r="I42" s="25">
        <f>(I2&gt;=$E42)*AND(I2&lt;=$F42)</f>
        <v>1</v>
      </c>
      <c r="J42" s="25">
        <f>(J2&gt;=$E42)*AND(J2&lt;=$F42)</f>
        <v>1</v>
      </c>
      <c r="K42" s="25">
        <f>(K2&gt;=$E42)*AND(K2&lt;=$F42)</f>
        <v>1</v>
      </c>
      <c r="L42" s="25">
        <f>(L2&gt;=$E42)*AND(L2&lt;=$F42)</f>
        <v>1</v>
      </c>
      <c r="M42" s="25">
        <f>(M2&gt;=$E42)*AND(M2&lt;=$F42)</f>
        <v>1</v>
      </c>
      <c r="N42" s="25">
        <f>(N2&gt;=$E42)*AND(N2&lt;=$F42)</f>
        <v>1</v>
      </c>
      <c r="O42" s="25">
        <f>(O2&gt;=$E42)*AND(O2&lt;=$F42)</f>
        <v>1</v>
      </c>
      <c r="P42" s="25">
        <f>(P2&gt;=$E42)*AND(P2&lt;=$F42)</f>
        <v>1</v>
      </c>
      <c r="Q42" s="25">
        <f>(Q2&gt;=$E42)*AND(Q2&lt;=$F42)</f>
        <v>1</v>
      </c>
      <c r="R42" s="25">
        <f>(R2&gt;=$E42)*AND(R2&lt;=$F42)</f>
        <v>1</v>
      </c>
      <c r="S42" s="25">
        <f>(S2&gt;=$E42)*AND(S2&lt;=$F42)</f>
        <v>1</v>
      </c>
      <c r="T42" s="25">
        <f>(T2&gt;=$E42)*AND(T2&lt;=$F42)</f>
        <v>1</v>
      </c>
      <c r="U42" s="25">
        <f>(U2&gt;=$E42)*AND(U2&lt;=$F42)</f>
        <v>1</v>
      </c>
      <c r="V42" s="25">
        <f>(V2&gt;=$E42)*AND(V2&lt;=$F42)</f>
        <v>1</v>
      </c>
      <c r="W42" s="25">
        <f>(W2&gt;=$E42)*AND(W2&lt;=$F42)</f>
        <v>1</v>
      </c>
      <c r="X42" s="25">
        <f>(X2&gt;=$E42)*AND(X2&lt;=$F42)</f>
        <v>1</v>
      </c>
      <c r="Y42" s="25">
        <f>(Y2&gt;=$E42)*AND(Y2&lt;=$F42)</f>
        <v>1</v>
      </c>
      <c r="Z42" s="25">
        <f>(Z2&gt;=$E42)*AND(Z2&lt;=$F42)</f>
        <v>1</v>
      </c>
      <c r="AA42" s="25">
        <f>(AA2&gt;=$E42)*AND(AA2&lt;=$F42)</f>
        <v>1</v>
      </c>
      <c r="AB42" s="25">
        <f>(AB2&gt;=$E42)*AND(AB2&lt;=$F42)</f>
        <v>1</v>
      </c>
      <c r="AC42" s="25">
        <f>(AC2&gt;=$E42)*AND(AC2&lt;=$F42)</f>
        <v>1</v>
      </c>
      <c r="AD42" s="25">
        <f>(AD2&gt;=$E42)*AND(AD2&lt;=$F42)</f>
        <v>1</v>
      </c>
      <c r="AE42" s="25">
        <f>(AE2&gt;=$E42)*AND(AE2&lt;=$F42)</f>
        <v>1</v>
      </c>
      <c r="AF42" s="25">
        <f>(AF2&gt;=$E42)*AND(AF2&lt;=$F42)</f>
        <v>1</v>
      </c>
      <c r="AG42" s="25">
        <f>(AG2&gt;=$E42)*AND(AG2&lt;=$F42)</f>
        <v>1</v>
      </c>
      <c r="AH42" s="25">
        <f>(AH2&gt;=$E42)*AND(AH2&lt;=$F42)</f>
        <v>1</v>
      </c>
      <c r="AI42" s="25">
        <f>(AI2&gt;=$E42)*AND(AI2&lt;=$F42)</f>
        <v>1</v>
      </c>
      <c r="AJ42" s="25">
        <f>(AJ2&gt;=$E42)*AND(AJ2&lt;=$F42)</f>
        <v>1</v>
      </c>
      <c r="AK42" s="25">
        <f>(AK2&gt;=$E42)*AND(AK2&lt;=$F42)</f>
        <v>0</v>
      </c>
      <c r="AL42" s="25">
        <f>(AL2&gt;=$E42)*AND(AL2&lt;=$F42)</f>
        <v>0</v>
      </c>
      <c r="AM42" s="25">
        <f>(AM2&gt;=$E42)*AND(AM2&lt;=$F42)</f>
        <v>0</v>
      </c>
      <c r="AN42" s="25">
        <f>(AN2&gt;=$E42)*AND(AN2&lt;=$F42)</f>
        <v>0</v>
      </c>
      <c r="AO42" s="25">
        <f>(AO2&gt;=$E42)*AND(AO2&lt;=$F42)</f>
        <v>0</v>
      </c>
      <c r="AP42" s="25">
        <f>(AP2&gt;=$E42)*AND(AP2&lt;=$F42)</f>
        <v>0</v>
      </c>
      <c r="AQ42" s="25">
        <f>(AQ2&gt;=$E42)*AND(AQ2&lt;=$F42)</f>
        <v>0</v>
      </c>
      <c r="AR42" s="25">
        <f>(AR2&gt;=$E42)*AND(AR2&lt;=$F42)</f>
        <v>0</v>
      </c>
      <c r="AS42" s="25">
        <f>(AS2&gt;=$E42)*AND(AS2&lt;=$F42)</f>
        <v>0</v>
      </c>
      <c r="AT42" s="25">
        <f>(AT2&gt;=$E42)*AND(AT2&lt;=$F42)</f>
        <v>0</v>
      </c>
      <c r="AU42" s="25">
        <f>(AU2&gt;=$E42)*AND(AU2&lt;=$F42)</f>
        <v>0</v>
      </c>
      <c r="AV42" s="25">
        <f>(AV2&gt;=$E42)*AND(AV2&lt;=$F42)</f>
        <v>0</v>
      </c>
      <c r="AW42" s="25">
        <f>(AW2&gt;=$E42)*AND(AW2&lt;=$F42)</f>
        <v>0</v>
      </c>
      <c r="AX42" s="25">
        <f>(AX2&gt;=$E42)*AND(AX2&lt;=$F42)</f>
        <v>0</v>
      </c>
      <c r="AY42" s="25">
        <f>(AY2&gt;=$E42)*AND(AY2&lt;=$F42)</f>
        <v>0</v>
      </c>
      <c r="AZ42" s="25">
        <f>(AZ2&gt;=$E42)*AND(AZ2&lt;=$F42)</f>
        <v>0</v>
      </c>
      <c r="BA42" s="25">
        <f>(BA2&gt;=$E42)*AND(BA2&lt;=$F42)</f>
        <v>0</v>
      </c>
      <c r="BB42" s="25">
        <f>(BB2&gt;=$E42)*AND(BB2&lt;=$F42)</f>
        <v>0</v>
      </c>
      <c r="BC42" s="25">
        <f>(BC2&gt;=$E42)*AND(BC2&lt;=$F42)</f>
        <v>0</v>
      </c>
      <c r="BD42" s="25">
        <f>(BD2&gt;=$E42)*AND(BD2&lt;=$F42)</f>
        <v>0</v>
      </c>
      <c r="BE42" s="25">
        <f>(BE2&gt;=$E42)*AND(BE2&lt;=$F42)</f>
        <v>0</v>
      </c>
      <c r="BF42" s="25">
        <f>(BF2&gt;=$E42)*AND(BF2&lt;=$F42)</f>
        <v>0</v>
      </c>
      <c r="BG42" s="25">
        <f>(BG2&gt;=$E42)*AND(BG2&lt;=$F42)</f>
        <v>0</v>
      </c>
      <c r="BH42" s="26">
        <f>(BH2&gt;=$E42)*AND(BH2&lt;=$F42)</f>
        <v>0</v>
      </c>
    </row>
    <row r="43" spans="1:60 16371:16371" ht="30" customHeight="1">
      <c r="A43" s="62"/>
      <c r="B43" s="109"/>
      <c r="C43" s="87" t="s">
        <v>93</v>
      </c>
      <c r="D43" s="88" t="s">
        <v>102</v>
      </c>
      <c r="E43" s="89">
        <v>45936</v>
      </c>
      <c r="F43" s="89">
        <v>46216</v>
      </c>
      <c r="G43" s="90"/>
      <c r="H43" s="90"/>
      <c r="I43" s="25">
        <f>(I2&gt;=$E43)*AND(I2&lt;=$F43)</f>
        <v>1</v>
      </c>
      <c r="J43" s="25">
        <f>(J2&gt;=$E43)*AND(J2&lt;=$F43)</f>
        <v>1</v>
      </c>
      <c r="K43" s="25">
        <f>(K2&gt;=$E43)*AND(K2&lt;=$F43)</f>
        <v>1</v>
      </c>
      <c r="L43" s="25">
        <f>(L2&gt;=$E43)*AND(L2&lt;=$F43)</f>
        <v>1</v>
      </c>
      <c r="M43" s="25">
        <f>(M2&gt;=$E43)*AND(M2&lt;=$F43)</f>
        <v>1</v>
      </c>
      <c r="N43" s="25">
        <f>(N2&gt;=$E43)*AND(N2&lt;=$F43)</f>
        <v>1</v>
      </c>
      <c r="O43" s="25">
        <f>(O2&gt;=$E43)*AND(O2&lt;=$F43)</f>
        <v>1</v>
      </c>
      <c r="P43" s="25">
        <f>(P2&gt;=$E43)*AND(P2&lt;=$F43)</f>
        <v>1</v>
      </c>
      <c r="Q43" s="25">
        <f>(Q2&gt;=$E43)*AND(Q2&lt;=$F43)</f>
        <v>1</v>
      </c>
      <c r="R43" s="25">
        <f>(R2&gt;=$E43)*AND(R2&lt;=$F43)</f>
        <v>1</v>
      </c>
      <c r="S43" s="25">
        <f>(S2&gt;=$E43)*AND(S2&lt;=$F43)</f>
        <v>1</v>
      </c>
      <c r="T43" s="25">
        <f>(T2&gt;=$E43)*AND(T2&lt;=$F43)</f>
        <v>1</v>
      </c>
      <c r="U43" s="25">
        <f>(U2&gt;=$E43)*AND(U2&lt;=$F43)</f>
        <v>1</v>
      </c>
      <c r="V43" s="25">
        <f>(V2&gt;=$E43)*AND(V2&lt;=$F43)</f>
        <v>1</v>
      </c>
      <c r="W43" s="25">
        <f>(W2&gt;=$E43)*AND(W2&lt;=$F43)</f>
        <v>1</v>
      </c>
      <c r="X43" s="25">
        <f>(X2&gt;=$E43)*AND(X2&lt;=$F43)</f>
        <v>1</v>
      </c>
      <c r="Y43" s="25">
        <f>(Y2&gt;=$E43)*AND(Y2&lt;=$F43)</f>
        <v>1</v>
      </c>
      <c r="Z43" s="25">
        <f>(Z2&gt;=$E43)*AND(Z2&lt;=$F43)</f>
        <v>1</v>
      </c>
      <c r="AA43" s="25">
        <f>(AA2&gt;=$E43)*AND(AA2&lt;=$F43)</f>
        <v>1</v>
      </c>
      <c r="AB43" s="25">
        <f>(AB2&gt;=$E43)*AND(AB2&lt;=$F43)</f>
        <v>1</v>
      </c>
      <c r="AC43" s="25">
        <f>(AC2&gt;=$E43)*AND(AC2&lt;=$F43)</f>
        <v>1</v>
      </c>
      <c r="AD43" s="25">
        <f>(AD2&gt;=$E43)*AND(AD2&lt;=$F43)</f>
        <v>1</v>
      </c>
      <c r="AE43" s="25">
        <f>(AE2&gt;=$E43)*AND(AE2&lt;=$F43)</f>
        <v>1</v>
      </c>
      <c r="AF43" s="25">
        <f>(AF2&gt;=$E43)*AND(AF2&lt;=$F43)</f>
        <v>1</v>
      </c>
      <c r="AG43" s="25">
        <f>(AG2&gt;=$E43)*AND(AG2&lt;=$F43)</f>
        <v>1</v>
      </c>
      <c r="AH43" s="25">
        <f>(AH2&gt;=$E43)*AND(AH2&lt;=$F43)</f>
        <v>1</v>
      </c>
      <c r="AI43" s="25">
        <f>(AI2&gt;=$E43)*AND(AI2&lt;=$F43)</f>
        <v>1</v>
      </c>
      <c r="AJ43" s="25">
        <f>(AJ2&gt;=$E43)*AND(AJ2&lt;=$F43)</f>
        <v>1</v>
      </c>
      <c r="AK43" s="25">
        <f>(AK2&gt;=$E43)*AND(AK2&lt;=$F43)</f>
        <v>0</v>
      </c>
      <c r="AL43" s="25">
        <f>(AL2&gt;=$E43)*AND(AL2&lt;=$F43)</f>
        <v>0</v>
      </c>
      <c r="AM43" s="25">
        <f>(AM2&gt;=$E43)*AND(AM2&lt;=$F43)</f>
        <v>0</v>
      </c>
      <c r="AN43" s="25">
        <f>(AN2&gt;=$E43)*AND(AN2&lt;=$F43)</f>
        <v>0</v>
      </c>
      <c r="AO43" s="25">
        <f>(AO2&gt;=$E43)*AND(AO2&lt;=$F43)</f>
        <v>0</v>
      </c>
      <c r="AP43" s="25">
        <f>(AP2&gt;=$E43)*AND(AP2&lt;=$F43)</f>
        <v>0</v>
      </c>
      <c r="AQ43" s="25">
        <f>(AQ2&gt;=$E43)*AND(AQ2&lt;=$F43)</f>
        <v>0</v>
      </c>
      <c r="AR43" s="25">
        <f>(AR2&gt;=$E43)*AND(AR2&lt;=$F43)</f>
        <v>0</v>
      </c>
      <c r="AS43" s="25">
        <f>(AS2&gt;=$E43)*AND(AS2&lt;=$F43)</f>
        <v>0</v>
      </c>
      <c r="AT43" s="25">
        <f>(AT2&gt;=$E43)*AND(AT2&lt;=$F43)</f>
        <v>0</v>
      </c>
      <c r="AU43" s="25">
        <f>(AU2&gt;=$E43)*AND(AU2&lt;=$F43)</f>
        <v>0</v>
      </c>
      <c r="AV43" s="25">
        <f>(AV2&gt;=$E43)*AND(AV2&lt;=$F43)</f>
        <v>0</v>
      </c>
      <c r="AW43" s="25">
        <f>(AW2&gt;=$E43)*AND(AW2&lt;=$F43)</f>
        <v>0</v>
      </c>
      <c r="AX43" s="25">
        <f>(AX2&gt;=$E43)*AND(AX2&lt;=$F43)</f>
        <v>0</v>
      </c>
      <c r="AY43" s="25">
        <f>(AY2&gt;=$E43)*AND(AY2&lt;=$F43)</f>
        <v>0</v>
      </c>
      <c r="AZ43" s="25">
        <f>(AZ2&gt;=$E43)*AND(AZ2&lt;=$F43)</f>
        <v>0</v>
      </c>
      <c r="BA43" s="25">
        <f>(BA2&gt;=$E43)*AND(BA2&lt;=$F43)</f>
        <v>0</v>
      </c>
      <c r="BB43" s="25">
        <f>(BB2&gt;=$E43)*AND(BB2&lt;=$F43)</f>
        <v>0</v>
      </c>
      <c r="BC43" s="25">
        <f>(BC2&gt;=$E43)*AND(BC2&lt;=$F43)</f>
        <v>0</v>
      </c>
      <c r="BD43" s="25">
        <f>(BD2&gt;=$E43)*AND(BD2&lt;=$F43)</f>
        <v>0</v>
      </c>
      <c r="BE43" s="25">
        <f>(BE2&gt;=$E43)*AND(BE2&lt;=$F43)</f>
        <v>0</v>
      </c>
      <c r="BF43" s="25">
        <f>(BF2&gt;=$E43)*AND(BF2&lt;=$F43)</f>
        <v>0</v>
      </c>
      <c r="BG43" s="25">
        <f>(BG2&gt;=$E43)*AND(BG2&lt;=$F43)</f>
        <v>0</v>
      </c>
      <c r="BH43" s="26">
        <f>(BH2&gt;=$E43)*AND(BH2&lt;=$F43)</f>
        <v>0</v>
      </c>
    </row>
    <row r="44" spans="1:60 16371:16371" ht="30" customHeight="1">
      <c r="A44" s="62"/>
      <c r="B44" s="109"/>
      <c r="C44" s="87" t="s">
        <v>94</v>
      </c>
      <c r="D44" s="88" t="s">
        <v>122</v>
      </c>
      <c r="E44" s="89">
        <v>45936</v>
      </c>
      <c r="F44" s="89">
        <v>46342</v>
      </c>
      <c r="G44" s="90"/>
      <c r="H44" s="91" t="s">
        <v>131</v>
      </c>
      <c r="I44" s="25">
        <f>(I2&gt;=$E44)*AND(I2&lt;=$F44)</f>
        <v>1</v>
      </c>
      <c r="J44" s="25">
        <f>(J2&gt;=$E44)*AND(J2&lt;=$F44)</f>
        <v>1</v>
      </c>
      <c r="K44" s="25">
        <f>(K2&gt;=$E44)*AND(K2&lt;=$F44)</f>
        <v>1</v>
      </c>
      <c r="L44" s="25">
        <f>(L2&gt;=$E44)*AND(L2&lt;=$F44)</f>
        <v>1</v>
      </c>
      <c r="M44" s="25">
        <f>(M2&gt;=$E44)*AND(M2&lt;=$F44)</f>
        <v>1</v>
      </c>
      <c r="N44" s="25">
        <f>(N2&gt;=$E44)*AND(N2&lt;=$F44)</f>
        <v>1</v>
      </c>
      <c r="O44" s="25">
        <f>(O2&gt;=$E44)*AND(O2&lt;=$F44)</f>
        <v>1</v>
      </c>
      <c r="P44" s="25">
        <f>(P2&gt;=$E44)*AND(P2&lt;=$F44)</f>
        <v>1</v>
      </c>
      <c r="Q44" s="25">
        <f>(Q2&gt;=$E44)*AND(Q2&lt;=$F44)</f>
        <v>1</v>
      </c>
      <c r="R44" s="25">
        <f>(R2&gt;=$E44)*AND(R2&lt;=$F44)</f>
        <v>1</v>
      </c>
      <c r="S44" s="25">
        <f>(S2&gt;=$E44)*AND(S2&lt;=$F44)</f>
        <v>1</v>
      </c>
      <c r="T44" s="25">
        <f>(T2&gt;=$E44)*AND(T2&lt;=$F44)</f>
        <v>1</v>
      </c>
      <c r="U44" s="25">
        <f>(U2&gt;=$E44)*AND(U2&lt;=$F44)</f>
        <v>1</v>
      </c>
      <c r="V44" s="25">
        <f>(V2&gt;=$E44)*AND(V2&lt;=$F44)</f>
        <v>1</v>
      </c>
      <c r="W44" s="25">
        <f>(W2&gt;=$E44)*AND(W2&lt;=$F44)</f>
        <v>1</v>
      </c>
      <c r="X44" s="25">
        <f>(X2&gt;=$E44)*AND(X2&lt;=$F44)</f>
        <v>1</v>
      </c>
      <c r="Y44" s="25">
        <f>(Y2&gt;=$E44)*AND(Y2&lt;=$F44)</f>
        <v>1</v>
      </c>
      <c r="Z44" s="25">
        <f>(Z2&gt;=$E44)*AND(Z2&lt;=$F44)</f>
        <v>1</v>
      </c>
      <c r="AA44" s="25">
        <f>(AA2&gt;=$E44)*AND(AA2&lt;=$F44)</f>
        <v>1</v>
      </c>
      <c r="AB44" s="25">
        <f>(AB2&gt;=$E44)*AND(AB2&lt;=$F44)</f>
        <v>1</v>
      </c>
      <c r="AC44" s="25">
        <f>(AC2&gt;=$E44)*AND(AC2&lt;=$F44)</f>
        <v>1</v>
      </c>
      <c r="AD44" s="25">
        <f>(AD2&gt;=$E44)*AND(AD2&lt;=$F44)</f>
        <v>1</v>
      </c>
      <c r="AE44" s="25">
        <f>(AE2&gt;=$E44)*AND(AE2&lt;=$F44)</f>
        <v>1</v>
      </c>
      <c r="AF44" s="25">
        <f>(AF2&gt;=$E44)*AND(AF2&lt;=$F44)</f>
        <v>1</v>
      </c>
      <c r="AG44" s="25">
        <f>(AG2&gt;=$E44)*AND(AG2&lt;=$F44)</f>
        <v>1</v>
      </c>
      <c r="AH44" s="25">
        <f>(AH2&gt;=$E44)*AND(AH2&lt;=$F44)</f>
        <v>1</v>
      </c>
      <c r="AI44" s="25">
        <f>(AI2&gt;=$E44)*AND(AI2&lt;=$F44)</f>
        <v>1</v>
      </c>
      <c r="AJ44" s="25">
        <f>(AJ2&gt;=$E44)*AND(AJ2&lt;=$F44)</f>
        <v>1</v>
      </c>
      <c r="AK44" s="25">
        <f>(AK2&gt;=$E44)*AND(AK2&lt;=$F44)</f>
        <v>1</v>
      </c>
      <c r="AL44" s="25">
        <f>(AL2&gt;=$E44)*AND(AL2&lt;=$F44)</f>
        <v>1</v>
      </c>
      <c r="AM44" s="25">
        <f>(AM2&gt;=$E44)*AND(AM2&lt;=$F44)</f>
        <v>1</v>
      </c>
      <c r="AN44" s="25">
        <f>(AN2&gt;=$E44)*AND(AN2&lt;=$F44)</f>
        <v>1</v>
      </c>
      <c r="AO44" s="25">
        <f>(AO2&gt;=$E44)*AND(AO2&lt;=$F44)</f>
        <v>1</v>
      </c>
      <c r="AP44" s="25">
        <f>(AP2&gt;=$E44)*AND(AP2&lt;=$F44)</f>
        <v>1</v>
      </c>
      <c r="AQ44" s="25">
        <f>(AQ2&gt;=$E44)*AND(AQ2&lt;=$F44)</f>
        <v>1</v>
      </c>
      <c r="AR44" s="25">
        <f>(AR2&gt;=$E44)*AND(AR2&lt;=$F44)</f>
        <v>1</v>
      </c>
      <c r="AS44" s="25">
        <f>(AS2&gt;=$E44)*AND(AS2&lt;=$F44)</f>
        <v>1</v>
      </c>
      <c r="AT44" s="25">
        <f>(AT2&gt;=$E44)*AND(AT2&lt;=$F44)</f>
        <v>1</v>
      </c>
      <c r="AU44" s="25">
        <f>(AU2&gt;=$E44)*AND(AU2&lt;=$F44)</f>
        <v>1</v>
      </c>
      <c r="AV44" s="25">
        <f>(AV2&gt;=$E44)*AND(AV2&lt;=$F44)</f>
        <v>1</v>
      </c>
      <c r="AW44" s="25">
        <f>(AW2&gt;=$E44)*AND(AW2&lt;=$F44)</f>
        <v>1</v>
      </c>
      <c r="AX44" s="25">
        <f>(AX2&gt;=$E44)*AND(AX2&lt;=$F44)</f>
        <v>1</v>
      </c>
      <c r="AY44" s="25">
        <f>(AY2&gt;=$E44)*AND(AY2&lt;=$F44)</f>
        <v>1</v>
      </c>
      <c r="AZ44" s="25">
        <f>(AZ2&gt;=$E44)*AND(AZ2&lt;=$F44)</f>
        <v>1</v>
      </c>
      <c r="BA44" s="25">
        <f>(BA2&gt;=$E44)*AND(BA2&lt;=$F44)</f>
        <v>1</v>
      </c>
      <c r="BB44" s="25">
        <f>(BB2&gt;=$E44)*AND(BB2&lt;=$F44)</f>
        <v>1</v>
      </c>
      <c r="BC44" s="25">
        <f>(BC2&gt;=$E44)*AND(BC2&lt;=$F44)</f>
        <v>0</v>
      </c>
      <c r="BD44" s="25">
        <f>(BD2&gt;=$E44)*AND(BD2&lt;=$F44)</f>
        <v>0</v>
      </c>
      <c r="BE44" s="25">
        <f>(BE2&gt;=$E44)*AND(BE2&lt;=$F44)</f>
        <v>0</v>
      </c>
      <c r="BF44" s="25">
        <f>(BF2&gt;=$E44)*AND(BF2&lt;=$F44)</f>
        <v>0</v>
      </c>
      <c r="BG44" s="25">
        <f>(BG2&gt;=$E44)*AND(BG2&lt;=$F44)</f>
        <v>0</v>
      </c>
      <c r="BH44" s="26">
        <f>(BH2&gt;=$E44)*AND(BH2&lt;=$F44)</f>
        <v>0</v>
      </c>
    </row>
    <row r="45" spans="1:60 16371:16371" s="3" customFormat="1" ht="30.95">
      <c r="A45" s="110" t="s">
        <v>95</v>
      </c>
      <c r="B45" s="92"/>
      <c r="C45" s="93" t="s">
        <v>96</v>
      </c>
      <c r="D45" s="94" t="s">
        <v>102</v>
      </c>
      <c r="E45" s="95">
        <v>46286</v>
      </c>
      <c r="F45" s="95">
        <v>46348</v>
      </c>
      <c r="G45" s="94"/>
      <c r="H45" s="94"/>
      <c r="I45" s="25">
        <f>(I2&gt;=$E45)*AND(I2&lt;=$F45)</f>
        <v>0</v>
      </c>
      <c r="J45" s="25">
        <f>(J2&gt;=$E45)*AND(J2&lt;=$F45)</f>
        <v>0</v>
      </c>
      <c r="K45" s="25">
        <f>(K2&gt;=$E45)*AND(K2&lt;=$F45)</f>
        <v>0</v>
      </c>
      <c r="L45" s="25">
        <f>(L2&gt;=$E45)*AND(L2&lt;=$F45)</f>
        <v>0</v>
      </c>
      <c r="M45" s="25">
        <f>(M2&gt;=$E45)*AND(M2&lt;=$F45)</f>
        <v>0</v>
      </c>
      <c r="N45" s="25">
        <f>(N2&gt;=$E45)*AND(N2&lt;=$F45)</f>
        <v>0</v>
      </c>
      <c r="O45" s="25">
        <f>(O2&gt;=$E45)*AND(O2&lt;=$F45)</f>
        <v>0</v>
      </c>
      <c r="P45" s="25">
        <f>(P2&gt;=$E45)*AND(P2&lt;=$F45)</f>
        <v>0</v>
      </c>
      <c r="Q45" s="25">
        <f>(Q2&gt;=$E45)*AND(Q2&lt;=$F45)</f>
        <v>0</v>
      </c>
      <c r="R45" s="25">
        <f>(R2&gt;=$E45)*AND(R2&lt;=$F45)</f>
        <v>0</v>
      </c>
      <c r="S45" s="25">
        <f>(S2&gt;=$E45)*AND(S2&lt;=$F45)</f>
        <v>0</v>
      </c>
      <c r="T45" s="25">
        <f>(T2&gt;=$E45)*AND(T2&lt;=$F45)</f>
        <v>0</v>
      </c>
      <c r="U45" s="25">
        <f>(U2&gt;=$E45)*AND(U2&lt;=$F45)</f>
        <v>0</v>
      </c>
      <c r="V45" s="25">
        <f>(V2&gt;=$E45)*AND(V2&lt;=$F45)</f>
        <v>0</v>
      </c>
      <c r="W45" s="25">
        <f>(W2&gt;=$E45)*AND(W2&lt;=$F45)</f>
        <v>0</v>
      </c>
      <c r="X45" s="25">
        <f>(X2&gt;=$E45)*AND(X2&lt;=$F45)</f>
        <v>0</v>
      </c>
      <c r="Y45" s="25">
        <f>(Y2&gt;=$E45)*AND(Y2&lt;=$F45)</f>
        <v>0</v>
      </c>
      <c r="Z45" s="25">
        <f>(Z2&gt;=$E45)*AND(Z2&lt;=$F45)</f>
        <v>0</v>
      </c>
      <c r="AA45" s="25">
        <f>(AA2&gt;=$E45)*AND(AA2&lt;=$F45)</f>
        <v>0</v>
      </c>
      <c r="AB45" s="25">
        <f>(AB2&gt;=$E45)*AND(AB2&lt;=$F45)</f>
        <v>0</v>
      </c>
      <c r="AC45" s="25">
        <f>(AC2&gt;=$E45)*AND(AC2&lt;=$F45)</f>
        <v>0</v>
      </c>
      <c r="AD45" s="25">
        <f>(AD2&gt;=$E45)*AND(AD2&lt;=$F45)</f>
        <v>0</v>
      </c>
      <c r="AE45" s="25">
        <f>(AE2&gt;=$E45)*AND(AE2&lt;=$F45)</f>
        <v>0</v>
      </c>
      <c r="AF45" s="25">
        <f>(AF2&gt;=$E45)*AND(AF2&lt;=$F45)</f>
        <v>0</v>
      </c>
      <c r="AG45" s="25">
        <f>(AG2&gt;=$E45)*AND(AG2&lt;=$F45)</f>
        <v>0</v>
      </c>
      <c r="AH45" s="25">
        <f>(AH2&gt;=$E45)*AND(AH2&lt;=$F45)</f>
        <v>0</v>
      </c>
      <c r="AI45" s="25">
        <f>(AI2&gt;=$E45)*AND(AI2&lt;=$F45)</f>
        <v>0</v>
      </c>
      <c r="AJ45" s="25">
        <f>(AJ2&gt;=$E45)*AND(AJ2&lt;=$F45)</f>
        <v>0</v>
      </c>
      <c r="AK45" s="25">
        <f>(AK2&gt;=$E45)*AND(AK2&lt;=$F45)</f>
        <v>0</v>
      </c>
      <c r="AL45" s="25">
        <f>(AL2&gt;=$E45)*AND(AL2&lt;=$F45)</f>
        <v>0</v>
      </c>
      <c r="AM45" s="25">
        <f>(AM2&gt;=$E45)*AND(AM2&lt;=$F45)</f>
        <v>0</v>
      </c>
      <c r="AN45" s="25">
        <f>(AN2&gt;=$E45)*AND(AN2&lt;=$F45)</f>
        <v>0</v>
      </c>
      <c r="AO45" s="25">
        <f>(AO2&gt;=$E45)*AND(AO2&lt;=$F45)</f>
        <v>0</v>
      </c>
      <c r="AP45" s="25">
        <f>(AP2&gt;=$E45)*AND(AP2&lt;=$F45)</f>
        <v>0</v>
      </c>
      <c r="AQ45" s="25">
        <f>(AQ2&gt;=$E45)*AND(AQ2&lt;=$F45)</f>
        <v>0</v>
      </c>
      <c r="AR45" s="25">
        <f>(AR2&gt;=$E45)*AND(AR2&lt;=$F45)</f>
        <v>0</v>
      </c>
      <c r="AS45" s="25">
        <f>(AS2&gt;=$E45)*AND(AS2&lt;=$F45)</f>
        <v>0</v>
      </c>
      <c r="AT45" s="25">
        <f>(AT2&gt;=$E45)*AND(AT2&lt;=$F45)</f>
        <v>1</v>
      </c>
      <c r="AU45" s="25">
        <f>(AU2&gt;=$E45)*AND(AU2&lt;=$F45)</f>
        <v>1</v>
      </c>
      <c r="AV45" s="25">
        <f>(AV2&gt;=$E45)*AND(AV2&lt;=$F45)</f>
        <v>1</v>
      </c>
      <c r="AW45" s="25">
        <f>(AW2&gt;=$E45)*AND(AW2&lt;=$F45)</f>
        <v>1</v>
      </c>
      <c r="AX45" s="25">
        <f>(AX2&gt;=$E45)*AND(AX2&lt;=$F45)</f>
        <v>1</v>
      </c>
      <c r="AY45" s="25">
        <f>(AY2&gt;=$E45)*AND(AY2&lt;=$F45)</f>
        <v>1</v>
      </c>
      <c r="AZ45" s="25">
        <f>(AZ2&gt;=$E45)*AND(AZ2&lt;=$F45)</f>
        <v>1</v>
      </c>
      <c r="BA45" s="25">
        <f>(BA2&gt;=$E45)*AND(BA2&lt;=$F45)</f>
        <v>1</v>
      </c>
      <c r="BB45" s="25">
        <f>(BB2&gt;=$E45)*AND(BB2&lt;=$F45)</f>
        <v>1</v>
      </c>
      <c r="BC45" s="25">
        <f>(BC2&gt;=$E45)*AND(BC2&lt;=$F45)</f>
        <v>0</v>
      </c>
      <c r="BD45" s="25">
        <f>(BD2&gt;=$E45)*AND(BD2&lt;=$F45)</f>
        <v>0</v>
      </c>
      <c r="BE45" s="25">
        <f>(BE2&gt;=$E45)*AND(BE2&lt;=$F45)</f>
        <v>0</v>
      </c>
      <c r="BF45" s="25">
        <f>(BF2&gt;=$E45)*AND(BF2&lt;=$F45)</f>
        <v>0</v>
      </c>
      <c r="BG45" s="25">
        <f>(BG2&gt;=$E45)*AND(BG2&lt;=$F45)</f>
        <v>0</v>
      </c>
      <c r="BH45" s="26">
        <f>(BH2&gt;=$E45)*AND(BH2&lt;=$F45)</f>
        <v>0</v>
      </c>
    </row>
    <row r="46" spans="1:60 16371:16371" s="3" customFormat="1" ht="30" customHeight="1">
      <c r="A46" s="110"/>
      <c r="B46" s="92"/>
      <c r="C46" s="96" t="s">
        <v>97</v>
      </c>
      <c r="D46" s="97" t="s">
        <v>20</v>
      </c>
      <c r="E46" s="98">
        <v>46286</v>
      </c>
      <c r="F46" s="98">
        <v>46342</v>
      </c>
      <c r="G46" s="97"/>
      <c r="H46" s="97"/>
      <c r="I46" s="25">
        <f>(I2&gt;=$E46)*AND(I2&lt;=$F46)</f>
        <v>0</v>
      </c>
      <c r="J46" s="25">
        <f>(J2&gt;=$E46)*AND(J2&lt;=$F46)</f>
        <v>0</v>
      </c>
      <c r="K46" s="25">
        <f>(K2&gt;=$E46)*AND(K2&lt;=$F46)</f>
        <v>0</v>
      </c>
      <c r="L46" s="25">
        <f>(L2&gt;=$E46)*AND(L2&lt;=$F46)</f>
        <v>0</v>
      </c>
      <c r="M46" s="25">
        <f>(M2&gt;=$E46)*AND(M2&lt;=$F46)</f>
        <v>0</v>
      </c>
      <c r="N46" s="25">
        <f>(N2&gt;=$E46)*AND(N2&lt;=$F46)</f>
        <v>0</v>
      </c>
      <c r="O46" s="25">
        <f>(O2&gt;=$E46)*AND(O2&lt;=$F46)</f>
        <v>0</v>
      </c>
      <c r="P46" s="25">
        <f>(P2&gt;=$E46)*AND(P2&lt;=$F46)</f>
        <v>0</v>
      </c>
      <c r="Q46" s="25">
        <f>(Q2&gt;=$E46)*AND(Q2&lt;=$F46)</f>
        <v>0</v>
      </c>
      <c r="R46" s="25">
        <f>(R2&gt;=$E46)*AND(R2&lt;=$F46)</f>
        <v>0</v>
      </c>
      <c r="S46" s="25">
        <f>(S2&gt;=$E46)*AND(S2&lt;=$F46)</f>
        <v>0</v>
      </c>
      <c r="T46" s="25">
        <f>(T2&gt;=$E46)*AND(T2&lt;=$F46)</f>
        <v>0</v>
      </c>
      <c r="U46" s="25">
        <f>(U2&gt;=$E46)*AND(U2&lt;=$F46)</f>
        <v>0</v>
      </c>
      <c r="V46" s="25">
        <f>(V2&gt;=$E46)*AND(V2&lt;=$F46)</f>
        <v>0</v>
      </c>
      <c r="W46" s="25">
        <f>(W2&gt;=$E46)*AND(W2&lt;=$F46)</f>
        <v>0</v>
      </c>
      <c r="X46" s="25">
        <f>(X2&gt;=$E46)*AND(X2&lt;=$F46)</f>
        <v>0</v>
      </c>
      <c r="Y46" s="25">
        <f>(Y2&gt;=$E46)*AND(Y2&lt;=$F46)</f>
        <v>0</v>
      </c>
      <c r="Z46" s="25">
        <f>(Z2&gt;=$E46)*AND(Z2&lt;=$F46)</f>
        <v>0</v>
      </c>
      <c r="AA46" s="25">
        <f>(AA2&gt;=$E46)*AND(AA2&lt;=$F46)</f>
        <v>0</v>
      </c>
      <c r="AB46" s="25">
        <f>(AB2&gt;=$E46)*AND(AB2&lt;=$F46)</f>
        <v>0</v>
      </c>
      <c r="AC46" s="25">
        <f>(AC2&gt;=$E46)*AND(AC2&lt;=$F46)</f>
        <v>0</v>
      </c>
      <c r="AD46" s="25">
        <f>(AD2&gt;=$E46)*AND(AD2&lt;=$F46)</f>
        <v>0</v>
      </c>
      <c r="AE46" s="25">
        <f>(AE2&gt;=$E46)*AND(AE2&lt;=$F46)</f>
        <v>0</v>
      </c>
      <c r="AF46" s="25">
        <f>(AF2&gt;=$E46)*AND(AF2&lt;=$F46)</f>
        <v>0</v>
      </c>
      <c r="AG46" s="25">
        <f>(AG2&gt;=$E46)*AND(AG2&lt;=$F46)</f>
        <v>0</v>
      </c>
      <c r="AH46" s="25">
        <f>(AH2&gt;=$E46)*AND(AH2&lt;=$F46)</f>
        <v>0</v>
      </c>
      <c r="AI46" s="25">
        <f>(AI2&gt;=$E46)*AND(AI2&lt;=$F46)</f>
        <v>0</v>
      </c>
      <c r="AJ46" s="25">
        <f>(AJ2&gt;=$E46)*AND(AJ2&lt;=$F46)</f>
        <v>0</v>
      </c>
      <c r="AK46" s="25">
        <f>(AK2&gt;=$E46)*AND(AK2&lt;=$F46)</f>
        <v>0</v>
      </c>
      <c r="AL46" s="25">
        <f>(AL2&gt;=$E46)*AND(AL2&lt;=$F46)</f>
        <v>0</v>
      </c>
      <c r="AM46" s="25">
        <f>(AM2&gt;=$E46)*AND(AM2&lt;=$F46)</f>
        <v>0</v>
      </c>
      <c r="AN46" s="25">
        <f>(AN2&gt;=$E46)*AND(AN2&lt;=$F46)</f>
        <v>0</v>
      </c>
      <c r="AO46" s="25">
        <f>(AO2&gt;=$E46)*AND(AO2&lt;=$F46)</f>
        <v>0</v>
      </c>
      <c r="AP46" s="25">
        <f>(AP2&gt;=$E46)*AND(AP2&lt;=$F46)</f>
        <v>0</v>
      </c>
      <c r="AQ46" s="25">
        <f>(AQ2&gt;=$E46)*AND(AQ2&lt;=$F46)</f>
        <v>0</v>
      </c>
      <c r="AR46" s="25">
        <f>(AR2&gt;=$E46)*AND(AR2&lt;=$F46)</f>
        <v>0</v>
      </c>
      <c r="AS46" s="25">
        <f>(AS2&gt;=$E46)*AND(AS2&lt;=$F46)</f>
        <v>0</v>
      </c>
      <c r="AT46" s="25">
        <f>(AT2&gt;=$E46)*AND(AT2&lt;=$F46)</f>
        <v>1</v>
      </c>
      <c r="AU46" s="25">
        <f>(AU2&gt;=$E46)*AND(AU2&lt;=$F46)</f>
        <v>1</v>
      </c>
      <c r="AV46" s="25">
        <f>(AV2&gt;=$E46)*AND(AV2&lt;=$F46)</f>
        <v>1</v>
      </c>
      <c r="AW46" s="25">
        <f>(AW2&gt;=$E46)*AND(AW2&lt;=$F46)</f>
        <v>1</v>
      </c>
      <c r="AX46" s="25">
        <f>(AX2&gt;=$E46)*AND(AX2&lt;=$F46)</f>
        <v>1</v>
      </c>
      <c r="AY46" s="25">
        <f>(AY2&gt;=$E46)*AND(AY2&lt;=$F46)</f>
        <v>1</v>
      </c>
      <c r="AZ46" s="25">
        <f>(AZ2&gt;=$E46)*AND(AZ2&lt;=$F46)</f>
        <v>1</v>
      </c>
      <c r="BA46" s="25">
        <f>(BA2&gt;=$E46)*AND(BA2&lt;=$F46)</f>
        <v>1</v>
      </c>
      <c r="BB46" s="25">
        <f>(BB2&gt;=$E46)*AND(BB2&lt;=$F46)</f>
        <v>1</v>
      </c>
      <c r="BC46" s="25">
        <f>(BC2&gt;=$E46)*AND(BC2&lt;=$F46)</f>
        <v>0</v>
      </c>
      <c r="BD46" s="25">
        <f>(BD2&gt;=$E46)*AND(BD2&lt;=$F46)</f>
        <v>0</v>
      </c>
      <c r="BE46" s="25">
        <f>(BE2&gt;=$E46)*AND(BE2&lt;=$F46)</f>
        <v>0</v>
      </c>
      <c r="BF46" s="25">
        <f>(BF2&gt;=$E46)*AND(BF2&lt;=$F46)</f>
        <v>0</v>
      </c>
      <c r="BG46" s="25">
        <f>(BG2&gt;=$E46)*AND(BG2&lt;=$F46)</f>
        <v>0</v>
      </c>
      <c r="BH46" s="26">
        <f>(BH2&gt;=$E46)*AND(BH2&lt;=$F46)</f>
        <v>0</v>
      </c>
    </row>
    <row r="47" spans="1:60 16371:16371" ht="30" customHeight="1">
      <c r="A47" s="110"/>
      <c r="B47" s="92"/>
      <c r="C47" s="96" t="s">
        <v>98</v>
      </c>
      <c r="D47" s="97" t="s">
        <v>20</v>
      </c>
      <c r="E47" s="98">
        <v>46230</v>
      </c>
      <c r="F47" s="98">
        <v>46342</v>
      </c>
      <c r="G47" s="97"/>
      <c r="H47" s="97"/>
      <c r="I47" s="25">
        <f>(I2&gt;=$E47)*AND(I2&lt;=$F47)</f>
        <v>0</v>
      </c>
      <c r="J47" s="25">
        <f>(J2&gt;=$E47)*AND(J2&lt;=$F47)</f>
        <v>0</v>
      </c>
      <c r="K47" s="25">
        <f>(K2&gt;=$E47)*AND(K2&lt;=$F47)</f>
        <v>0</v>
      </c>
      <c r="L47" s="25">
        <f>(L2&gt;=$E47)*AND(L2&lt;=$F47)</f>
        <v>0</v>
      </c>
      <c r="M47" s="25">
        <f>(M2&gt;=$E47)*AND(M2&lt;=$F47)</f>
        <v>0</v>
      </c>
      <c r="N47" s="25">
        <f>(N2&gt;=$E47)*AND(N2&lt;=$F47)</f>
        <v>0</v>
      </c>
      <c r="O47" s="25">
        <f>(O2&gt;=$E47)*AND(O2&lt;=$F47)</f>
        <v>0</v>
      </c>
      <c r="P47" s="25">
        <f>(P2&gt;=$E47)*AND(P2&lt;=$F47)</f>
        <v>0</v>
      </c>
      <c r="Q47" s="25">
        <f>(Q2&gt;=$E47)*AND(Q2&lt;=$F47)</f>
        <v>0</v>
      </c>
      <c r="R47" s="25">
        <f>(R2&gt;=$E47)*AND(R2&lt;=$F47)</f>
        <v>0</v>
      </c>
      <c r="S47" s="25">
        <f>(S2&gt;=$E47)*AND(S2&lt;=$F47)</f>
        <v>0</v>
      </c>
      <c r="T47" s="25">
        <f>(T2&gt;=$E47)*AND(T2&lt;=$F47)</f>
        <v>0</v>
      </c>
      <c r="U47" s="25">
        <f>(U2&gt;=$E47)*AND(U2&lt;=$F47)</f>
        <v>0</v>
      </c>
      <c r="V47" s="25">
        <f>(V2&gt;=$E47)*AND(V2&lt;=$F47)</f>
        <v>0</v>
      </c>
      <c r="W47" s="25">
        <f>(W2&gt;=$E47)*AND(W2&lt;=$F47)</f>
        <v>0</v>
      </c>
      <c r="X47" s="25">
        <f>(X2&gt;=$E47)*AND(X2&lt;=$F47)</f>
        <v>0</v>
      </c>
      <c r="Y47" s="25">
        <f>(Y2&gt;=$E47)*AND(Y2&lt;=$F47)</f>
        <v>0</v>
      </c>
      <c r="Z47" s="25">
        <f>(Z2&gt;=$E47)*AND(Z2&lt;=$F47)</f>
        <v>0</v>
      </c>
      <c r="AA47" s="25">
        <f>(AA2&gt;=$E47)*AND(AA2&lt;=$F47)</f>
        <v>0</v>
      </c>
      <c r="AB47" s="25">
        <f>(AB2&gt;=$E47)*AND(AB2&lt;=$F47)</f>
        <v>0</v>
      </c>
      <c r="AC47" s="25">
        <f>(AC2&gt;=$E47)*AND(AC2&lt;=$F47)</f>
        <v>0</v>
      </c>
      <c r="AD47" s="25">
        <f>(AD2&gt;=$E47)*AND(AD2&lt;=$F47)</f>
        <v>0</v>
      </c>
      <c r="AE47" s="25">
        <f>(AE2&gt;=$E47)*AND(AE2&lt;=$F47)</f>
        <v>0</v>
      </c>
      <c r="AF47" s="25">
        <f>(AF2&gt;=$E47)*AND(AF2&lt;=$F47)</f>
        <v>0</v>
      </c>
      <c r="AG47" s="25">
        <f>(AG2&gt;=$E47)*AND(AG2&lt;=$F47)</f>
        <v>0</v>
      </c>
      <c r="AH47" s="25">
        <f>(AH2&gt;=$E47)*AND(AH2&lt;=$F47)</f>
        <v>0</v>
      </c>
      <c r="AI47" s="25">
        <f>(AI2&gt;=$E47)*AND(AI2&lt;=$F47)</f>
        <v>0</v>
      </c>
      <c r="AJ47" s="25">
        <f>(AJ2&gt;=$E47)*AND(AJ2&lt;=$F47)</f>
        <v>0</v>
      </c>
      <c r="AK47" s="25">
        <f>(AK2&gt;=$E47)*AND(AK2&lt;=$F47)</f>
        <v>0</v>
      </c>
      <c r="AL47" s="25">
        <f>(AL2&gt;=$E47)*AND(AL2&lt;=$F47)</f>
        <v>1</v>
      </c>
      <c r="AM47" s="25">
        <f>(AM2&gt;=$E47)*AND(AM2&lt;=$F47)</f>
        <v>1</v>
      </c>
      <c r="AN47" s="25">
        <f>(AN2&gt;=$E47)*AND(AN2&lt;=$F47)</f>
        <v>1</v>
      </c>
      <c r="AO47" s="25">
        <f>(AO2&gt;=$E47)*AND(AO2&lt;=$F47)</f>
        <v>1</v>
      </c>
      <c r="AP47" s="25">
        <f>(AP2&gt;=$E47)*AND(AP2&lt;=$F47)</f>
        <v>1</v>
      </c>
      <c r="AQ47" s="25">
        <f>(AQ2&gt;=$E47)*AND(AQ2&lt;=$F47)</f>
        <v>1</v>
      </c>
      <c r="AR47" s="25">
        <f>(AR2&gt;=$E47)*AND(AR2&lt;=$F47)</f>
        <v>1</v>
      </c>
      <c r="AS47" s="25">
        <f>(AS2&gt;=$E47)*AND(AS2&lt;=$F47)</f>
        <v>1</v>
      </c>
      <c r="AT47" s="25">
        <f>(AT2&gt;=$E47)*AND(AT2&lt;=$F47)</f>
        <v>1</v>
      </c>
      <c r="AU47" s="25">
        <f>(AU2&gt;=$E47)*AND(AU2&lt;=$F47)</f>
        <v>1</v>
      </c>
      <c r="AV47" s="25">
        <f>(AV2&gt;=$E47)*AND(AV2&lt;=$F47)</f>
        <v>1</v>
      </c>
      <c r="AW47" s="25">
        <f>(AW2&gt;=$E47)*AND(AW2&lt;=$F47)</f>
        <v>1</v>
      </c>
      <c r="AX47" s="25">
        <f>(AX2&gt;=$E47)*AND(AX2&lt;=$F47)</f>
        <v>1</v>
      </c>
      <c r="AY47" s="25">
        <f>(AY2&gt;=$E47)*AND(AY2&lt;=$F47)</f>
        <v>1</v>
      </c>
      <c r="AZ47" s="25">
        <f>(AZ2&gt;=$E47)*AND(AZ2&lt;=$F47)</f>
        <v>1</v>
      </c>
      <c r="BA47" s="25">
        <f>(BA2&gt;=$E47)*AND(BA2&lt;=$F47)</f>
        <v>1</v>
      </c>
      <c r="BB47" s="25">
        <f>(BB2&gt;=$E47)*AND(BB2&lt;=$F47)</f>
        <v>1</v>
      </c>
      <c r="BC47" s="25">
        <f>(BC2&gt;=$E47)*AND(BC2&lt;=$F47)</f>
        <v>0</v>
      </c>
      <c r="BD47" s="25">
        <f>(BD2&gt;=$E47)*AND(BD2&lt;=$F47)</f>
        <v>0</v>
      </c>
      <c r="BE47" s="25">
        <f>(BE2&gt;=$E47)*AND(BE2&lt;=$F47)</f>
        <v>0</v>
      </c>
      <c r="BF47" s="25">
        <f>(BF2&gt;=$E47)*AND(BF2&lt;=$F47)</f>
        <v>0</v>
      </c>
      <c r="BG47" s="25">
        <f>(BG2&gt;=$E47)*AND(BG2&lt;=$F47)</f>
        <v>0</v>
      </c>
      <c r="BH47" s="26">
        <f>(BH2&gt;=$E47)*AND(BH2&lt;=$F47)</f>
        <v>0</v>
      </c>
    </row>
    <row r="48" spans="1:60 16371:16371" ht="30" customHeight="1">
      <c r="A48" s="110"/>
      <c r="B48" s="92"/>
      <c r="C48" s="96" t="s">
        <v>99</v>
      </c>
      <c r="D48" s="97" t="s">
        <v>20</v>
      </c>
      <c r="E48" s="98">
        <v>46349</v>
      </c>
      <c r="F48" s="98">
        <v>46363</v>
      </c>
      <c r="G48" s="97"/>
      <c r="H48" s="97"/>
      <c r="I48" s="25">
        <f>(I2&gt;=$E48)*AND(I2&lt;=$F48)</f>
        <v>0</v>
      </c>
      <c r="J48" s="25">
        <f>(J2&gt;=$E48)*AND(J2&lt;=$F48)</f>
        <v>0</v>
      </c>
      <c r="K48" s="25">
        <f>(K2&gt;=$E48)*AND(K2&lt;=$F48)</f>
        <v>0</v>
      </c>
      <c r="L48" s="25">
        <f>(L2&gt;=$E48)*AND(L2&lt;=$F48)</f>
        <v>0</v>
      </c>
      <c r="M48" s="25">
        <f>(M2&gt;=$E48)*AND(M2&lt;=$F48)</f>
        <v>0</v>
      </c>
      <c r="N48" s="25">
        <f>(N2&gt;=$E48)*AND(N2&lt;=$F48)</f>
        <v>0</v>
      </c>
      <c r="O48" s="25">
        <f>(O2&gt;=$E48)*AND(O2&lt;=$F48)</f>
        <v>0</v>
      </c>
      <c r="P48" s="25">
        <f>(P2&gt;=$E48)*AND(P2&lt;=$F48)</f>
        <v>0</v>
      </c>
      <c r="Q48" s="25">
        <f>(Q2&gt;=$E48)*AND(Q2&lt;=$F48)</f>
        <v>0</v>
      </c>
      <c r="R48" s="25">
        <f>(R2&gt;=$E48)*AND(R2&lt;=$F48)</f>
        <v>0</v>
      </c>
      <c r="S48" s="25">
        <f>(S2&gt;=$E48)*AND(S2&lt;=$F48)</f>
        <v>0</v>
      </c>
      <c r="T48" s="25">
        <f>(T2&gt;=$E48)*AND(T2&lt;=$F48)</f>
        <v>0</v>
      </c>
      <c r="U48" s="25">
        <f>(U2&gt;=$E48)*AND(U2&lt;=$F48)</f>
        <v>0</v>
      </c>
      <c r="V48" s="25">
        <f>(V2&gt;=$E48)*AND(V2&lt;=$F48)</f>
        <v>0</v>
      </c>
      <c r="W48" s="25">
        <f>(W2&gt;=$E48)*AND(W2&lt;=$F48)</f>
        <v>0</v>
      </c>
      <c r="X48" s="25">
        <f>(X2&gt;=$E48)*AND(X2&lt;=$F48)</f>
        <v>0</v>
      </c>
      <c r="Y48" s="25">
        <f>(Y2&gt;=$E48)*AND(Y2&lt;=$F48)</f>
        <v>0</v>
      </c>
      <c r="Z48" s="25">
        <f>(Z2&gt;=$E48)*AND(Z2&lt;=$F48)</f>
        <v>0</v>
      </c>
      <c r="AA48" s="25">
        <f>(AA2&gt;=$E48)*AND(AA2&lt;=$F48)</f>
        <v>0</v>
      </c>
      <c r="AB48" s="25">
        <f>(AB2&gt;=$E48)*AND(AB2&lt;=$F48)</f>
        <v>0</v>
      </c>
      <c r="AC48" s="25">
        <f>(AC2&gt;=$E48)*AND(AC2&lt;=$F48)</f>
        <v>0</v>
      </c>
      <c r="AD48" s="25">
        <f>(AD2&gt;=$E48)*AND(AD2&lt;=$F48)</f>
        <v>0</v>
      </c>
      <c r="AE48" s="25">
        <f>(AE2&gt;=$E48)*AND(AE2&lt;=$F48)</f>
        <v>0</v>
      </c>
      <c r="AF48" s="25">
        <f>(AF2&gt;=$E48)*AND(AF2&lt;=$F48)</f>
        <v>0</v>
      </c>
      <c r="AG48" s="25">
        <f>(AG2&gt;=$E48)*AND(AG2&lt;=$F48)</f>
        <v>0</v>
      </c>
      <c r="AH48" s="25">
        <f>(AH2&gt;=$E48)*AND(AH2&lt;=$F48)</f>
        <v>0</v>
      </c>
      <c r="AI48" s="25">
        <f>(AI2&gt;=$E48)*AND(AI2&lt;=$F48)</f>
        <v>0</v>
      </c>
      <c r="AJ48" s="25">
        <f>(AJ2&gt;=$E48)*AND(AJ2&lt;=$F48)</f>
        <v>0</v>
      </c>
      <c r="AK48" s="25">
        <f>(AK2&gt;=$E48)*AND(AK2&lt;=$F48)</f>
        <v>0</v>
      </c>
      <c r="AL48" s="25">
        <f>(AL2&gt;=$E48)*AND(AL2&lt;=$F48)</f>
        <v>0</v>
      </c>
      <c r="AM48" s="25">
        <f>(AM2&gt;=$E48)*AND(AM2&lt;=$F48)</f>
        <v>0</v>
      </c>
      <c r="AN48" s="25">
        <f>(AN2&gt;=$E48)*AND(AN2&lt;=$F48)</f>
        <v>0</v>
      </c>
      <c r="AO48" s="25">
        <f>(AO2&gt;=$E48)*AND(AO2&lt;=$F48)</f>
        <v>0</v>
      </c>
      <c r="AP48" s="25">
        <f>(AP2&gt;=$E48)*AND(AP2&lt;=$F48)</f>
        <v>0</v>
      </c>
      <c r="AQ48" s="25">
        <f>(AQ2&gt;=$E48)*AND(AQ2&lt;=$F48)</f>
        <v>0</v>
      </c>
      <c r="AR48" s="25">
        <f>(AR2&gt;=$E48)*AND(AR2&lt;=$F48)</f>
        <v>0</v>
      </c>
      <c r="AS48" s="25">
        <f>(AS2&gt;=$E48)*AND(AS2&lt;=$F48)</f>
        <v>0</v>
      </c>
      <c r="AT48" s="25">
        <f>(AT2&gt;=$E48)*AND(AT2&lt;=$F48)</f>
        <v>0</v>
      </c>
      <c r="AU48" s="25">
        <f>(AU2&gt;=$E48)*AND(AU2&lt;=$F48)</f>
        <v>0</v>
      </c>
      <c r="AV48" s="25">
        <f>(AV2&gt;=$E48)*AND(AV2&lt;=$F48)</f>
        <v>0</v>
      </c>
      <c r="AW48" s="25">
        <f>(AW2&gt;=$E48)*AND(AW2&lt;=$F48)</f>
        <v>0</v>
      </c>
      <c r="AX48" s="25">
        <f>(AX2&gt;=$E48)*AND(AX2&lt;=$F48)</f>
        <v>0</v>
      </c>
      <c r="AY48" s="25">
        <f>(AY2&gt;=$E48)*AND(AY2&lt;=$F48)</f>
        <v>0</v>
      </c>
      <c r="AZ48" s="25">
        <f>(AZ2&gt;=$E48)*AND(AZ2&lt;=$F48)</f>
        <v>0</v>
      </c>
      <c r="BA48" s="25">
        <f>(BA2&gt;=$E48)*AND(BA2&lt;=$F48)</f>
        <v>0</v>
      </c>
      <c r="BB48" s="25">
        <f>(BB2&gt;=$E48)*AND(BB2&lt;=$F48)</f>
        <v>0</v>
      </c>
      <c r="BC48" s="25">
        <f>(BC2&gt;=$E48)*AND(BC2&lt;=$F48)</f>
        <v>1</v>
      </c>
      <c r="BD48" s="25">
        <f>(BD2&gt;=$E48)*AND(BD2&lt;=$F48)</f>
        <v>1</v>
      </c>
      <c r="BE48" s="25">
        <f>(BE2&gt;=$E48)*AND(BE2&lt;=$F48)</f>
        <v>1</v>
      </c>
      <c r="BF48" s="25">
        <f>(BF2&gt;=$E48)*AND(BF2&lt;=$F48)</f>
        <v>0</v>
      </c>
      <c r="BG48" s="25">
        <f>(BG2&gt;=$E48)*AND(BG2&lt;=$F48)</f>
        <v>0</v>
      </c>
      <c r="BH48" s="26">
        <f>(BH2&gt;=$E48)*AND(BH2&lt;=$F48)</f>
        <v>0</v>
      </c>
    </row>
    <row r="49" spans="1:60" ht="30" customHeight="1">
      <c r="A49" s="110"/>
      <c r="B49" s="92"/>
      <c r="C49" s="96" t="s">
        <v>100</v>
      </c>
      <c r="D49" s="97" t="s">
        <v>20</v>
      </c>
      <c r="E49" s="98">
        <v>46356</v>
      </c>
      <c r="F49" s="98">
        <v>46363</v>
      </c>
      <c r="G49" s="97"/>
      <c r="H49" s="97"/>
      <c r="I49" s="25">
        <f t="shared" ref="I49:AN49" si="57">(I2&gt;=$E49)*AND(I2&lt;=$F49)</f>
        <v>0</v>
      </c>
      <c r="J49" s="25">
        <f t="shared" si="57"/>
        <v>0</v>
      </c>
      <c r="K49" s="25">
        <f t="shared" si="57"/>
        <v>0</v>
      </c>
      <c r="L49" s="25">
        <f t="shared" si="57"/>
        <v>0</v>
      </c>
      <c r="M49" s="25">
        <f t="shared" si="57"/>
        <v>0</v>
      </c>
      <c r="N49" s="25">
        <f t="shared" si="57"/>
        <v>0</v>
      </c>
      <c r="O49" s="25">
        <f t="shared" si="57"/>
        <v>0</v>
      </c>
      <c r="P49" s="25">
        <f t="shared" si="57"/>
        <v>0</v>
      </c>
      <c r="Q49" s="25">
        <f t="shared" si="57"/>
        <v>0</v>
      </c>
      <c r="R49" s="25">
        <f t="shared" si="57"/>
        <v>0</v>
      </c>
      <c r="S49" s="25">
        <f t="shared" si="57"/>
        <v>0</v>
      </c>
      <c r="T49" s="25">
        <f t="shared" si="57"/>
        <v>0</v>
      </c>
      <c r="U49" s="25">
        <f t="shared" si="57"/>
        <v>0</v>
      </c>
      <c r="V49" s="25">
        <f t="shared" si="57"/>
        <v>0</v>
      </c>
      <c r="W49" s="25">
        <f t="shared" si="57"/>
        <v>0</v>
      </c>
      <c r="X49" s="25">
        <f t="shared" si="57"/>
        <v>0</v>
      </c>
      <c r="Y49" s="25">
        <f t="shared" si="57"/>
        <v>0</v>
      </c>
      <c r="Z49" s="25">
        <f t="shared" si="57"/>
        <v>0</v>
      </c>
      <c r="AA49" s="25">
        <f t="shared" si="57"/>
        <v>0</v>
      </c>
      <c r="AB49" s="25">
        <f t="shared" si="57"/>
        <v>0</v>
      </c>
      <c r="AC49" s="25">
        <f t="shared" si="57"/>
        <v>0</v>
      </c>
      <c r="AD49" s="25">
        <f t="shared" si="57"/>
        <v>0</v>
      </c>
      <c r="AE49" s="25">
        <f t="shared" si="57"/>
        <v>0</v>
      </c>
      <c r="AF49" s="25">
        <f t="shared" si="57"/>
        <v>0</v>
      </c>
      <c r="AG49" s="25">
        <f t="shared" si="57"/>
        <v>0</v>
      </c>
      <c r="AH49" s="25">
        <f t="shared" si="57"/>
        <v>0</v>
      </c>
      <c r="AI49" s="25">
        <f t="shared" si="57"/>
        <v>0</v>
      </c>
      <c r="AJ49" s="25">
        <f t="shared" si="57"/>
        <v>0</v>
      </c>
      <c r="AK49" s="25">
        <f t="shared" si="57"/>
        <v>0</v>
      </c>
      <c r="AL49" s="25">
        <f t="shared" si="57"/>
        <v>0</v>
      </c>
      <c r="AM49" s="25">
        <f t="shared" si="57"/>
        <v>0</v>
      </c>
      <c r="AN49" s="25">
        <f t="shared" si="57"/>
        <v>0</v>
      </c>
      <c r="AO49" s="25">
        <f t="shared" ref="AO49:BH49" si="58">(AO2&gt;=$E49)*AND(AO2&lt;=$F49)</f>
        <v>0</v>
      </c>
      <c r="AP49" s="25">
        <f t="shared" si="58"/>
        <v>0</v>
      </c>
      <c r="AQ49" s="25">
        <f t="shared" si="58"/>
        <v>0</v>
      </c>
      <c r="AR49" s="25">
        <f t="shared" si="58"/>
        <v>0</v>
      </c>
      <c r="AS49" s="25">
        <f t="shared" si="58"/>
        <v>0</v>
      </c>
      <c r="AT49" s="25">
        <f t="shared" si="58"/>
        <v>0</v>
      </c>
      <c r="AU49" s="25">
        <f t="shared" si="58"/>
        <v>0</v>
      </c>
      <c r="AV49" s="25">
        <f t="shared" si="58"/>
        <v>0</v>
      </c>
      <c r="AW49" s="25">
        <f t="shared" si="58"/>
        <v>0</v>
      </c>
      <c r="AX49" s="25">
        <f t="shared" si="58"/>
        <v>0</v>
      </c>
      <c r="AY49" s="25">
        <f t="shared" si="58"/>
        <v>0</v>
      </c>
      <c r="AZ49" s="25">
        <f t="shared" si="58"/>
        <v>0</v>
      </c>
      <c r="BA49" s="25">
        <f t="shared" si="58"/>
        <v>0</v>
      </c>
      <c r="BB49" s="25">
        <f t="shared" si="58"/>
        <v>0</v>
      </c>
      <c r="BC49" s="25">
        <f t="shared" si="58"/>
        <v>0</v>
      </c>
      <c r="BD49" s="25">
        <f t="shared" si="58"/>
        <v>1</v>
      </c>
      <c r="BE49" s="25">
        <f t="shared" si="58"/>
        <v>1</v>
      </c>
      <c r="BF49" s="25">
        <f t="shared" si="58"/>
        <v>0</v>
      </c>
      <c r="BG49" s="25">
        <f t="shared" si="58"/>
        <v>0</v>
      </c>
      <c r="BH49" s="26">
        <f t="shared" si="58"/>
        <v>0</v>
      </c>
    </row>
    <row r="50" spans="1:60" ht="30" customHeight="1">
      <c r="A50" s="111"/>
      <c r="B50" s="92"/>
      <c r="C50" s="96" t="s">
        <v>40</v>
      </c>
      <c r="D50" s="97" t="s">
        <v>20</v>
      </c>
      <c r="E50" s="98">
        <v>46363</v>
      </c>
      <c r="F50" s="98">
        <v>46370</v>
      </c>
      <c r="G50" s="97"/>
      <c r="H50" s="97"/>
      <c r="I50" s="25">
        <f t="shared" ref="I50:AN50" si="59">(I2&gt;=$E50)*AND(I2&lt;=$F50)</f>
        <v>0</v>
      </c>
      <c r="J50" s="25">
        <f t="shared" si="59"/>
        <v>0</v>
      </c>
      <c r="K50" s="25">
        <f t="shared" si="59"/>
        <v>0</v>
      </c>
      <c r="L50" s="25">
        <f t="shared" si="59"/>
        <v>0</v>
      </c>
      <c r="M50" s="25">
        <f t="shared" si="59"/>
        <v>0</v>
      </c>
      <c r="N50" s="25">
        <f t="shared" si="59"/>
        <v>0</v>
      </c>
      <c r="O50" s="25">
        <f t="shared" si="59"/>
        <v>0</v>
      </c>
      <c r="P50" s="25">
        <f t="shared" si="59"/>
        <v>0</v>
      </c>
      <c r="Q50" s="25">
        <f t="shared" si="59"/>
        <v>0</v>
      </c>
      <c r="R50" s="25">
        <f t="shared" si="59"/>
        <v>0</v>
      </c>
      <c r="S50" s="25">
        <f t="shared" si="59"/>
        <v>0</v>
      </c>
      <c r="T50" s="25">
        <f t="shared" si="59"/>
        <v>0</v>
      </c>
      <c r="U50" s="25">
        <f t="shared" si="59"/>
        <v>0</v>
      </c>
      <c r="V50" s="25">
        <f t="shared" si="59"/>
        <v>0</v>
      </c>
      <c r="W50" s="25">
        <f t="shared" si="59"/>
        <v>0</v>
      </c>
      <c r="X50" s="25">
        <f t="shared" si="59"/>
        <v>0</v>
      </c>
      <c r="Y50" s="25">
        <f t="shared" si="59"/>
        <v>0</v>
      </c>
      <c r="Z50" s="25">
        <f t="shared" si="59"/>
        <v>0</v>
      </c>
      <c r="AA50" s="25">
        <f t="shared" si="59"/>
        <v>0</v>
      </c>
      <c r="AB50" s="25">
        <f t="shared" si="59"/>
        <v>0</v>
      </c>
      <c r="AC50" s="25">
        <f t="shared" si="59"/>
        <v>0</v>
      </c>
      <c r="AD50" s="25">
        <f t="shared" si="59"/>
        <v>0</v>
      </c>
      <c r="AE50" s="25">
        <f t="shared" si="59"/>
        <v>0</v>
      </c>
      <c r="AF50" s="25">
        <f t="shared" si="59"/>
        <v>0</v>
      </c>
      <c r="AG50" s="25">
        <f t="shared" si="59"/>
        <v>0</v>
      </c>
      <c r="AH50" s="25">
        <f t="shared" si="59"/>
        <v>0</v>
      </c>
      <c r="AI50" s="25">
        <f t="shared" si="59"/>
        <v>0</v>
      </c>
      <c r="AJ50" s="25">
        <f t="shared" si="59"/>
        <v>0</v>
      </c>
      <c r="AK50" s="25">
        <f t="shared" si="59"/>
        <v>0</v>
      </c>
      <c r="AL50" s="25">
        <f t="shared" si="59"/>
        <v>0</v>
      </c>
      <c r="AM50" s="25">
        <f t="shared" si="59"/>
        <v>0</v>
      </c>
      <c r="AN50" s="25">
        <f t="shared" si="59"/>
        <v>0</v>
      </c>
      <c r="AO50" s="25">
        <f t="shared" ref="AO50:BH50" si="60">(AO2&gt;=$E50)*AND(AO2&lt;=$F50)</f>
        <v>0</v>
      </c>
      <c r="AP50" s="25">
        <f t="shared" si="60"/>
        <v>0</v>
      </c>
      <c r="AQ50" s="25">
        <f t="shared" si="60"/>
        <v>0</v>
      </c>
      <c r="AR50" s="25">
        <f t="shared" si="60"/>
        <v>0</v>
      </c>
      <c r="AS50" s="25">
        <f t="shared" si="60"/>
        <v>0</v>
      </c>
      <c r="AT50" s="25">
        <f t="shared" si="60"/>
        <v>0</v>
      </c>
      <c r="AU50" s="25">
        <f t="shared" si="60"/>
        <v>0</v>
      </c>
      <c r="AV50" s="25">
        <f t="shared" si="60"/>
        <v>0</v>
      </c>
      <c r="AW50" s="25">
        <f t="shared" si="60"/>
        <v>0</v>
      </c>
      <c r="AX50" s="25">
        <f t="shared" si="60"/>
        <v>0</v>
      </c>
      <c r="AY50" s="25">
        <f t="shared" si="60"/>
        <v>0</v>
      </c>
      <c r="AZ50" s="25">
        <f t="shared" si="60"/>
        <v>0</v>
      </c>
      <c r="BA50" s="25">
        <f t="shared" si="60"/>
        <v>0</v>
      </c>
      <c r="BB50" s="25">
        <f t="shared" si="60"/>
        <v>0</v>
      </c>
      <c r="BC50" s="25">
        <f t="shared" si="60"/>
        <v>0</v>
      </c>
      <c r="BD50" s="25">
        <f t="shared" si="60"/>
        <v>0</v>
      </c>
      <c r="BE50" s="25">
        <f t="shared" si="60"/>
        <v>1</v>
      </c>
      <c r="BF50" s="25">
        <f t="shared" si="60"/>
        <v>1</v>
      </c>
      <c r="BG50" s="25">
        <f t="shared" si="60"/>
        <v>0</v>
      </c>
      <c r="BH50" s="26">
        <f t="shared" si="60"/>
        <v>0</v>
      </c>
    </row>
  </sheetData>
  <sheetProtection sheet="1" objects="1" scenarios="1" insertRows="0"/>
  <customSheetViews>
    <customSheetView guid="{3F5342EC-FC55-4930-8ADA-90ED7A7A3001}" hiddenColumns="1" topLeftCell="C1">
      <selection activeCell="K7" sqref="K7"/>
      <pageMargins left="0" right="0" top="0" bottom="0" header="0" footer="0"/>
    </customSheetView>
  </customSheetViews>
  <mergeCells count="22">
    <mergeCell ref="A1:H2"/>
    <mergeCell ref="A9:A41"/>
    <mergeCell ref="B34:B41"/>
    <mergeCell ref="B12:B21"/>
    <mergeCell ref="B9:B11"/>
    <mergeCell ref="BE1:BH1"/>
    <mergeCell ref="I1:L1"/>
    <mergeCell ref="M1:P1"/>
    <mergeCell ref="Q1:U1"/>
    <mergeCell ref="V1:Y1"/>
    <mergeCell ref="Z1:AC1"/>
    <mergeCell ref="AD1:AH1"/>
    <mergeCell ref="AI1:AL1"/>
    <mergeCell ref="AM1:AQ1"/>
    <mergeCell ref="AR1:AU1"/>
    <mergeCell ref="AV1:AY1"/>
    <mergeCell ref="AZ1:BD1"/>
    <mergeCell ref="A45:A50"/>
    <mergeCell ref="A4:B7"/>
    <mergeCell ref="B32:B33"/>
    <mergeCell ref="B22:B31"/>
    <mergeCell ref="B42:B44"/>
  </mergeCells>
  <phoneticPr fontId="11" type="noConversion"/>
  <conditionalFormatting sqref="D1:D1048576">
    <cfRule type="containsText" dxfId="93" priority="1" operator="containsText" text="Delayed">
      <formula>NOT(ISERROR(SEARCH("Delayed",D1)))</formula>
    </cfRule>
    <cfRule type="containsText" dxfId="92" priority="2" operator="containsText" text="In progress">
      <formula>NOT(ISERROR(SEARCH("In progress",D1)))</formula>
    </cfRule>
    <cfRule type="containsText" dxfId="91" priority="3" operator="containsText" text="Ongoing">
      <formula>NOT(ISERROR(SEARCH("Ongoing",D1)))</formula>
    </cfRule>
    <cfRule type="containsText" dxfId="90" priority="4" operator="containsText" text="Planned">
      <formula>NOT(ISERROR(SEARCH("Planned",D1)))</formula>
    </cfRule>
    <cfRule type="containsText" dxfId="89" priority="5" operator="containsText" text="Not started">
      <formula>NOT(ISERROR(SEARCH("Not started",D1)))</formula>
    </cfRule>
    <cfRule type="containsText" dxfId="88" priority="6" operator="containsText" text="Completed">
      <formula>NOT(ISERROR(SEARCH("Completed",D1)))</formula>
    </cfRule>
  </conditionalFormatting>
  <conditionalFormatting sqref="I13:I36 I13:BH13 J25:BH27 J29:BH29 J32:BH36 I39:BH50">
    <cfRule type="expression" dxfId="87" priority="80">
      <formula>AND(#REF!=#REF!,I13= 1)</formula>
    </cfRule>
  </conditionalFormatting>
  <conditionalFormatting sqref="I4:BH5 J13:BH32">
    <cfRule type="expression" dxfId="86" priority="134">
      <formula>AND(#REF!=#REF!,I4&gt;=1)</formula>
    </cfRule>
    <cfRule type="expression" dxfId="85" priority="135">
      <formula>AND(#REF!=#REF!,I4= 1)</formula>
    </cfRule>
    <cfRule type="expression" dxfId="84" priority="136">
      <formula>AND(#REF!=#REF!,I4&gt;=1)</formula>
    </cfRule>
    <cfRule type="expression" dxfId="83" priority="137">
      <formula>AND(J4&gt;=#REF!, J4&lt;=#REF!)</formula>
    </cfRule>
  </conditionalFormatting>
  <conditionalFormatting sqref="I4:BH7">
    <cfRule type="expression" dxfId="82" priority="133">
      <formula>AND(I4= 1)</formula>
    </cfRule>
  </conditionalFormatting>
  <conditionalFormatting sqref="I6:BH6">
    <cfRule type="expression" dxfId="81" priority="87">
      <formula>AND(J6&gt;=#REF!, J6&lt;=#REF!)</formula>
    </cfRule>
    <cfRule type="expression" dxfId="80" priority="39">
      <formula>AND(J6&gt;=#REF!, J6&lt;=#REF!)</formula>
    </cfRule>
    <cfRule type="expression" dxfId="79" priority="38">
      <formula>AND(#REF!=#REF!,I6&gt;=1)</formula>
    </cfRule>
    <cfRule type="expression" dxfId="78" priority="86">
      <formula>AND(#REF!=#REF!,I6&gt;=1)</formula>
    </cfRule>
    <cfRule type="expression" dxfId="77" priority="85">
      <formula>AND(#REF!=#REF!,I6= 1)</formula>
    </cfRule>
    <cfRule type="expression" dxfId="76" priority="84">
      <formula>AND(#REF!=#REF!,I6&gt;=1)</formula>
    </cfRule>
    <cfRule type="expression" dxfId="75" priority="83">
      <formula>AND(I6= 1)</formula>
    </cfRule>
    <cfRule type="expression" dxfId="74" priority="37">
      <formula>AND(#REF!=#REF!,I6= 1)</formula>
    </cfRule>
  </conditionalFormatting>
  <conditionalFormatting sqref="I6:BH7 I13:I36 J32:BH36 I39:BH50 J25:BH25 J29:BH29">
    <cfRule type="expression" dxfId="73" priority="34">
      <formula>AND(#REF!=#REF!,I6&gt;=1)</formula>
    </cfRule>
  </conditionalFormatting>
  <conditionalFormatting sqref="I7:BH7">
    <cfRule type="expression" dxfId="72" priority="35">
      <formula>AND(J7&gt;=#REF!, J7&lt;=#REF!)</formula>
    </cfRule>
    <cfRule type="expression" dxfId="71" priority="30">
      <formula>AND(J7&gt;=#REF!, J7&lt;=#REF!)</formula>
    </cfRule>
    <cfRule type="expression" dxfId="70" priority="31">
      <formula>AND(I7= 1)</formula>
    </cfRule>
    <cfRule type="expression" dxfId="69" priority="32">
      <formula>AND(#REF!=#REF!,I7&gt;=1)</formula>
    </cfRule>
    <cfRule type="expression" dxfId="68" priority="33">
      <formula>AND(#REF!=#REF!,I7= 1)</formula>
    </cfRule>
    <cfRule type="expression" dxfId="67" priority="95">
      <formula>AND(#REF!=#REF!,I7= 1)</formula>
    </cfRule>
    <cfRule type="expression" dxfId="66" priority="94">
      <formula>AND(#REF!=#REF!,I7&gt;=1)</formula>
    </cfRule>
    <cfRule type="expression" dxfId="65" priority="96">
      <formula>AND(#REF!=#REF!,I7&gt;=1)</formula>
    </cfRule>
    <cfRule type="expression" dxfId="64" priority="97">
      <formula>AND(J7&gt;=#REF!, J7&lt;=#REF!)</formula>
    </cfRule>
    <cfRule type="expression" dxfId="63" priority="29">
      <formula>AND(#REF!=#REF!,I7&gt;=1)</formula>
    </cfRule>
    <cfRule type="expression" dxfId="62" priority="93">
      <formula>AND(I7= 1)</formula>
    </cfRule>
    <cfRule type="expression" dxfId="61" priority="28">
      <formula>AND(#REF!=#REF!,I7= 1)</formula>
    </cfRule>
  </conditionalFormatting>
  <conditionalFormatting sqref="I7:BH8">
    <cfRule type="expression" dxfId="60" priority="10">
      <formula>AND(#REF!=#REF!,I7&gt;=1)</formula>
    </cfRule>
  </conditionalFormatting>
  <conditionalFormatting sqref="I8:BH8">
    <cfRule type="expression" dxfId="59" priority="9">
      <formula>AND(#REF!=#REF!,I8= 1)</formula>
    </cfRule>
    <cfRule type="expression" dxfId="58" priority="11">
      <formula>AND(J8&gt;=#REF!, J8&lt;=#REF!)</formula>
    </cfRule>
    <cfRule type="expression" dxfId="57" priority="8">
      <formula>AND(#REF!=#REF!,I8&gt;=1)</formula>
    </cfRule>
  </conditionalFormatting>
  <conditionalFormatting sqref="I8:BH11">
    <cfRule type="expression" dxfId="56" priority="7">
      <formula>AND(I8= 1)</formula>
    </cfRule>
  </conditionalFormatting>
  <conditionalFormatting sqref="I9:BH11 I29:BH29 BD37:BH38">
    <cfRule type="expression" dxfId="55" priority="688">
      <formula>AND(#REF!=#REF!,I9&gt;=1)</formula>
    </cfRule>
    <cfRule type="expression" dxfId="54" priority="695">
      <formula>AND(J9&gt;=#REF!, J9&lt;=#REF!)</formula>
    </cfRule>
  </conditionalFormatting>
  <conditionalFormatting sqref="I9:BH12">
    <cfRule type="expression" dxfId="53" priority="100">
      <formula>AND(#REF!=#REF!,I9&gt;=1)</formula>
    </cfRule>
  </conditionalFormatting>
  <conditionalFormatting sqref="I12:BH12">
    <cfRule type="expression" dxfId="52" priority="99">
      <formula>AND(#REF!=#REF!,I12= 1)</formula>
    </cfRule>
    <cfRule type="expression" dxfId="51" priority="101">
      <formula>AND(J12&gt;=#REF!, J12&lt;=#REF!)</formula>
    </cfRule>
  </conditionalFormatting>
  <conditionalFormatting sqref="I12:BH13">
    <cfRule type="expression" dxfId="50" priority="81">
      <formula>AND(#REF!=#REF!,I12&gt;=1)</formula>
    </cfRule>
  </conditionalFormatting>
  <conditionalFormatting sqref="I12:BH21">
    <cfRule type="expression" dxfId="49" priority="54">
      <formula>AND(I12= 1)</formula>
    </cfRule>
  </conditionalFormatting>
  <conditionalFormatting sqref="I13:BH13 I13:I36 J25:BH27 J29:BH29 J32:BH36 I39:BH50">
    <cfRule type="expression" dxfId="48" priority="82">
      <formula>AND(J13&gt;=#REF!, J13&lt;=#REF!)</formula>
    </cfRule>
  </conditionalFormatting>
  <conditionalFormatting sqref="I13:BH14">
    <cfRule type="expression" dxfId="47" priority="77">
      <formula>AND(#REF!=#REF!,I13&gt;=1)</formula>
    </cfRule>
  </conditionalFormatting>
  <conditionalFormatting sqref="I14:BH14">
    <cfRule type="expression" dxfId="46" priority="76">
      <formula>AND(#REF!=#REF!,I14= 1)</formula>
    </cfRule>
    <cfRule type="expression" dxfId="45" priority="78">
      <formula>AND(J14&gt;=#REF!, J14&lt;=#REF!)</formula>
    </cfRule>
  </conditionalFormatting>
  <conditionalFormatting sqref="I14:BH15">
    <cfRule type="expression" dxfId="44" priority="73">
      <formula>AND(#REF!=#REF!,I14&gt;=1)</formula>
    </cfRule>
  </conditionalFormatting>
  <conditionalFormatting sqref="I15:BH15">
    <cfRule type="expression" dxfId="43" priority="74">
      <formula>AND(J15&gt;=#REF!, J15&lt;=#REF!)</formula>
    </cfRule>
    <cfRule type="expression" dxfId="42" priority="72">
      <formula>AND(#REF!=#REF!,I15= 1)</formula>
    </cfRule>
  </conditionalFormatting>
  <conditionalFormatting sqref="I15:BH16">
    <cfRule type="expression" dxfId="41" priority="69">
      <formula>AND(#REF!=#REF!,I15&gt;=1)</formula>
    </cfRule>
  </conditionalFormatting>
  <conditionalFormatting sqref="I16:BH16">
    <cfRule type="expression" dxfId="40" priority="66">
      <formula>AND(J16&gt;=#REF!, J16&lt;=#REF!)</formula>
    </cfRule>
    <cfRule type="expression" dxfId="39" priority="67">
      <formula>AND(#REF!=#REF!,I16&gt;=1)</formula>
    </cfRule>
    <cfRule type="expression" dxfId="38" priority="68">
      <formula>AND(#REF!=#REF!,I16= 1)</formula>
    </cfRule>
    <cfRule type="expression" dxfId="37" priority="70">
      <formula>AND(J16&gt;=#REF!, J16&lt;=#REF!)</formula>
    </cfRule>
    <cfRule type="expression" dxfId="36" priority="64">
      <formula>AND(#REF!=#REF!,I16= 1)</formula>
    </cfRule>
    <cfRule type="expression" dxfId="35" priority="65">
      <formula>AND(#REF!=#REF!,I16&gt;=1)</formula>
    </cfRule>
  </conditionalFormatting>
  <conditionalFormatting sqref="I16:BH17">
    <cfRule type="expression" dxfId="34" priority="61">
      <formula>AND(#REF!=#REF!,I16&gt;=1)</formula>
    </cfRule>
  </conditionalFormatting>
  <conditionalFormatting sqref="I17:BH17">
    <cfRule type="expression" dxfId="33" priority="62">
      <formula>AND(J17&gt;=#REF!, J17&lt;=#REF!)</formula>
    </cfRule>
    <cfRule type="expression" dxfId="32" priority="60">
      <formula>AND(#REF!=#REF!,I17= 1)</formula>
    </cfRule>
    <cfRule type="expression" dxfId="31" priority="59">
      <formula>AND(#REF!=#REF!,I17&gt;=1)</formula>
    </cfRule>
    <cfRule type="expression" dxfId="30" priority="58">
      <formula>AND(J17&gt;=#REF!, J17&lt;=#REF!)</formula>
    </cfRule>
    <cfRule type="expression" dxfId="29" priority="56">
      <formula>AND(#REF!=#REF!,I17= 1)</formula>
    </cfRule>
    <cfRule type="expression" dxfId="28" priority="55">
      <formula>AND(#REF!=#REF!,I17&gt;=1)</formula>
    </cfRule>
    <cfRule type="expression" dxfId="27" priority="57">
      <formula>AND(#REF!=#REF!,I17&gt;=1)</formula>
    </cfRule>
  </conditionalFormatting>
  <conditionalFormatting sqref="I22:BH33">
    <cfRule type="expression" dxfId="26" priority="19">
      <formula>AND(I22= 1)</formula>
    </cfRule>
  </conditionalFormatting>
  <conditionalFormatting sqref="I29:BH29 BD37:BH38 I9:BH11">
    <cfRule type="expression" dxfId="25" priority="687">
      <formula>AND(#REF!=#REF!,I9= 1)</formula>
    </cfRule>
  </conditionalFormatting>
  <conditionalFormatting sqref="I32:BH33">
    <cfRule type="expression" dxfId="24" priority="18">
      <formula>AND(I32= 1)</formula>
    </cfRule>
  </conditionalFormatting>
  <conditionalFormatting sqref="I34:BH36 BD37:BH38 I39:BH41">
    <cfRule type="expression" dxfId="23" priority="26">
      <formula>AND(I34= 1)</formula>
    </cfRule>
    <cfRule type="expression" dxfId="22" priority="25">
      <formula>AND(I34= 1)</formula>
    </cfRule>
  </conditionalFormatting>
  <conditionalFormatting sqref="I42:BH44">
    <cfRule type="expression" dxfId="21" priority="15">
      <formula>AND(I42= 1)</formula>
    </cfRule>
    <cfRule type="expression" dxfId="20" priority="14">
      <formula>AND(I42= 1)</formula>
    </cfRule>
  </conditionalFormatting>
  <conditionalFormatting sqref="I45:BH46">
    <cfRule type="expression" dxfId="19" priority="13">
      <formula>AND(I45= 1)</formula>
    </cfRule>
  </conditionalFormatting>
  <conditionalFormatting sqref="I45:BH50">
    <cfRule type="expression" dxfId="18" priority="12">
      <formula>AND(I45= 1)</formula>
    </cfRule>
  </conditionalFormatting>
  <conditionalFormatting sqref="J33:AM33 AT33:BH33">
    <cfRule type="expression" dxfId="17" priority="528">
      <formula>AND(#REF!=#REF!,J33= 1)</formula>
    </cfRule>
  </conditionalFormatting>
  <conditionalFormatting sqref="J40:AR40 AT40:BG40">
    <cfRule type="expression" dxfId="16" priority="182">
      <formula>AND(#REF!=#REF!,J40= 1)</formula>
    </cfRule>
    <cfRule type="expression" dxfId="15" priority="183">
      <formula>AND(#REF!=#REF!,J40&gt;=1)</formula>
    </cfRule>
  </conditionalFormatting>
  <conditionalFormatting sqref="J26:BH27 I29:BH29 BD37:BH38">
    <cfRule type="expression" dxfId="14" priority="529">
      <formula>AND(#REF!=#REF!,I26&gt;=1)</formula>
    </cfRule>
  </conditionalFormatting>
  <conditionalFormatting sqref="J33:BH33 J41:BH44">
    <cfRule type="expression" dxfId="13" priority="861">
      <formula>AND(K33&gt;=$D$4, K33&lt;=$E$4)</formula>
    </cfRule>
  </conditionalFormatting>
  <conditionalFormatting sqref="J33:BH33">
    <cfRule type="expression" dxfId="12" priority="814">
      <formula>AND(#REF!=#REF!,J33&gt;=1)</formula>
    </cfRule>
  </conditionalFormatting>
  <conditionalFormatting sqref="J39:BH39 AS40">
    <cfRule type="expression" dxfId="11" priority="192">
      <formula>AND(#REF!=#REF!,J39&gt;=1)</formula>
    </cfRule>
    <cfRule type="expression" dxfId="10" priority="191">
      <formula>AND(#REF!=#REF!,J39= 1)</formula>
    </cfRule>
  </conditionalFormatting>
  <conditionalFormatting sqref="J49:BH50">
    <cfRule type="expression" dxfId="9" priority="562">
      <formula>AND(#REF!=#REF!,J49&gt;=1)</formula>
    </cfRule>
    <cfRule type="expression" dxfId="8" priority="692">
      <formula>AND(#REF!=#REF!,J49= 1)</formula>
    </cfRule>
  </conditionalFormatting>
  <dataValidations count="3">
    <dataValidation type="list" allowBlank="1" showInputMessage="1" showErrorMessage="1" sqref="D4:D50" xr:uid="{86FA94DB-8F80-475F-B485-F5DFD632C109}">
      <formula1>"Not started, Planned, In progress, Ongoing, Delayed, Completed"</formula1>
    </dataValidation>
    <dataValidation type="date" errorStyle="warning" allowBlank="1" showInputMessage="1" showErrorMessage="1" errorTitle="Invalid Date" error="Please enter a valid date in 2026 (dd/mm/yyyy)" sqref="E4:E50" xr:uid="{061ABBF0-9E5E-461A-815D-D1D599D009D5}">
      <formula1>46023</formula1>
      <formula2>46387</formula2>
    </dataValidation>
    <dataValidation type="custom" errorStyle="warning" allowBlank="1" showInputMessage="1" showErrorMessage="1" errorTitle="Invalid date" error="Please enter a valid date in 2026 (dd/mm/yyyy) that is after the start date" sqref="F4:F50" xr:uid="{B949FF05-99E3-4ED2-B810-DD1F6CEB0A30}">
      <formula1>OR(F4="", AND(ISNUMBER(F4), F4&gt;=DATE(2026,1,1), F4&lt;=DATE(2026,12,31), F4&gt;=E4))</formula1>
    </dataValidation>
  </dataValidations>
  <pageMargins left="0.7" right="0.7" top="0.75" bottom="0.75" header="0.3" footer="0.3"/>
  <pageSetup paperSize="9" orientation="portrait" r:id="rId1"/>
  <drawing r:id="rId2"/>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636B61-E48D-4240-9177-C7629250F34E}">
  <sheetPr>
    <tabColor theme="4" tint="0.79998168889431442"/>
  </sheetPr>
  <dimension ref="B2:E18"/>
  <sheetViews>
    <sheetView zoomScaleNormal="100" zoomScaleSheetLayoutView="100" workbookViewId="0">
      <selection activeCell="B15" sqref="B15"/>
    </sheetView>
  </sheetViews>
  <sheetFormatPr defaultRowHeight="14.1"/>
  <cols>
    <col min="1" max="1" width="0.75" customWidth="1"/>
    <col min="2" max="2" width="60.125" customWidth="1"/>
    <col min="3" max="3" width="22" bestFit="1" customWidth="1"/>
    <col min="4" max="4" width="9.75" bestFit="1" customWidth="1"/>
    <col min="5" max="5" width="8.25" bestFit="1" customWidth="1"/>
    <col min="6" max="6" width="20.25" customWidth="1"/>
    <col min="7" max="7" width="41.125" customWidth="1"/>
    <col min="8" max="8" width="54.125" customWidth="1"/>
  </cols>
  <sheetData>
    <row r="2" spans="2:5">
      <c r="B2" s="33" t="s">
        <v>132</v>
      </c>
      <c r="C2" s="33" t="s">
        <v>23</v>
      </c>
      <c r="D2" s="33" t="s">
        <v>24</v>
      </c>
    </row>
    <row r="3" spans="2:5">
      <c r="B3" s="19"/>
      <c r="C3" s="20"/>
      <c r="D3" s="14" t="s">
        <v>17</v>
      </c>
      <c r="E3" s="9"/>
    </row>
    <row r="4" spans="2:5">
      <c r="B4" s="19"/>
      <c r="C4" s="20"/>
      <c r="D4" s="16" t="s">
        <v>20</v>
      </c>
      <c r="E4" s="9"/>
    </row>
    <row r="5" spans="2:5">
      <c r="B5" s="19"/>
      <c r="C5" s="20"/>
      <c r="D5" s="32" t="s">
        <v>26</v>
      </c>
      <c r="E5" s="9"/>
    </row>
    <row r="6" spans="2:5">
      <c r="B6" s="19"/>
      <c r="C6" s="20"/>
      <c r="D6" s="16" t="s">
        <v>20</v>
      </c>
      <c r="E6" s="9"/>
    </row>
    <row r="7" spans="2:5">
      <c r="B7" s="17"/>
      <c r="C7" s="17"/>
      <c r="D7" s="17"/>
    </row>
    <row r="8" spans="2:5">
      <c r="B8" s="34" t="s">
        <v>133</v>
      </c>
      <c r="C8" s="34" t="s">
        <v>23</v>
      </c>
      <c r="D8" s="34" t="s">
        <v>24</v>
      </c>
    </row>
    <row r="9" spans="2:5">
      <c r="B9" s="12"/>
      <c r="C9" s="22"/>
      <c r="D9" s="14" t="s">
        <v>17</v>
      </c>
    </row>
    <row r="10" spans="2:5">
      <c r="B10" s="12"/>
      <c r="C10" s="22"/>
      <c r="D10" s="16" t="s">
        <v>20</v>
      </c>
    </row>
    <row r="11" spans="2:5">
      <c r="B11" s="12"/>
      <c r="C11" s="22"/>
      <c r="D11" s="16" t="s">
        <v>20</v>
      </c>
    </row>
    <row r="12" spans="2:5">
      <c r="B12" s="12"/>
      <c r="C12" s="22"/>
      <c r="D12" s="16" t="s">
        <v>20</v>
      </c>
    </row>
    <row r="13" spans="2:5">
      <c r="B13" s="17"/>
      <c r="C13" s="17"/>
      <c r="D13" s="17"/>
    </row>
    <row r="14" spans="2:5">
      <c r="B14" s="35" t="s">
        <v>134</v>
      </c>
      <c r="C14" s="35" t="s">
        <v>23</v>
      </c>
      <c r="D14" s="35" t="s">
        <v>24</v>
      </c>
    </row>
    <row r="15" spans="2:5" ht="18" customHeight="1">
      <c r="B15" s="12"/>
      <c r="C15" s="22"/>
      <c r="D15" s="14" t="s">
        <v>17</v>
      </c>
    </row>
    <row r="16" spans="2:5">
      <c r="B16" s="12"/>
      <c r="C16" s="22"/>
      <c r="D16" s="16" t="s">
        <v>20</v>
      </c>
    </row>
    <row r="17" spans="2:4">
      <c r="B17" s="12"/>
      <c r="C17" s="22"/>
      <c r="D17" s="16" t="s">
        <v>20</v>
      </c>
    </row>
    <row r="18" spans="2:4">
      <c r="B18" s="12"/>
      <c r="C18" s="22"/>
      <c r="D18" s="32" t="s">
        <v>26</v>
      </c>
    </row>
  </sheetData>
  <pageMargins left="0.7" right="0.7" top="0.75" bottom="0.75" header="0.3" footer="0.3"/>
  <pageSetup paperSize="8" orientation="landscape" horizontalDpi="300" verticalDpi="300"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A5C3C7C-83B9-4052-81D0-7D813D929BA4}">
  <sheetPr>
    <tabColor theme="6" tint="0.79998168889431442"/>
  </sheetPr>
  <dimension ref="B1:Z13"/>
  <sheetViews>
    <sheetView workbookViewId="0">
      <selection activeCell="H32" sqref="H32"/>
    </sheetView>
  </sheetViews>
  <sheetFormatPr defaultRowHeight="14.1"/>
  <cols>
    <col min="1" max="1" width="1.25" customWidth="1"/>
    <col min="2" max="2" width="8.125" customWidth="1"/>
    <col min="3" max="3" width="18.75" customWidth="1"/>
    <col min="4" max="4" width="43.75" customWidth="1"/>
    <col min="5" max="7" width="7.75" customWidth="1"/>
    <col min="8" max="10" width="15" customWidth="1"/>
    <col min="11" max="11" width="43.75" customWidth="1"/>
    <col min="12" max="14" width="15" customWidth="1"/>
    <col min="16" max="22" width="3.125" customWidth="1"/>
    <col min="24" max="25" width="3.125" customWidth="1"/>
    <col min="26" max="26" width="16.375" bestFit="1" customWidth="1"/>
  </cols>
  <sheetData>
    <row r="1" spans="2:26" ht="7.5" customHeight="1"/>
    <row r="2" spans="2:26" ht="15" customHeight="1">
      <c r="B2" s="126" t="s">
        <v>135</v>
      </c>
      <c r="C2" s="126" t="s">
        <v>136</v>
      </c>
      <c r="D2" s="126" t="s">
        <v>137</v>
      </c>
      <c r="E2" s="126" t="s">
        <v>138</v>
      </c>
      <c r="F2" s="126"/>
      <c r="G2" s="126"/>
      <c r="H2" s="126" t="s">
        <v>139</v>
      </c>
      <c r="I2" s="126" t="s">
        <v>140</v>
      </c>
      <c r="J2" s="126" t="s">
        <v>141</v>
      </c>
      <c r="K2" s="126" t="s">
        <v>142</v>
      </c>
      <c r="L2" s="126" t="s">
        <v>143</v>
      </c>
      <c r="M2" s="126" t="s">
        <v>144</v>
      </c>
      <c r="N2" s="126" t="s">
        <v>145</v>
      </c>
    </row>
    <row r="3" spans="2:26">
      <c r="B3" s="126"/>
      <c r="C3" s="126"/>
      <c r="D3" s="126"/>
      <c r="E3" s="41" t="s">
        <v>146</v>
      </c>
      <c r="F3" s="41" t="s">
        <v>147</v>
      </c>
      <c r="G3" s="41" t="s">
        <v>148</v>
      </c>
      <c r="H3" s="126"/>
      <c r="I3" s="126"/>
      <c r="J3" s="126"/>
      <c r="K3" s="126"/>
      <c r="L3" s="126"/>
      <c r="M3" s="126"/>
      <c r="N3" s="126"/>
      <c r="R3" s="134" t="s">
        <v>149</v>
      </c>
      <c r="S3" s="135"/>
      <c r="T3" s="135"/>
      <c r="U3" s="135"/>
      <c r="V3" s="136"/>
      <c r="X3" s="127" t="s">
        <v>150</v>
      </c>
      <c r="Y3" s="127"/>
      <c r="Z3" s="127"/>
    </row>
    <row r="4" spans="2:26" ht="43.5">
      <c r="B4" s="37">
        <v>1</v>
      </c>
      <c r="C4" s="40" t="s">
        <v>151</v>
      </c>
      <c r="D4" s="39" t="s">
        <v>152</v>
      </c>
      <c r="E4" s="38" t="s">
        <v>153</v>
      </c>
      <c r="F4" s="38" t="s">
        <v>153</v>
      </c>
      <c r="G4" s="38" t="s">
        <v>153</v>
      </c>
      <c r="H4" s="37"/>
      <c r="I4" s="37"/>
      <c r="J4" s="37">
        <f>H4*I4</f>
        <v>0</v>
      </c>
      <c r="K4" s="40" t="s">
        <v>154</v>
      </c>
      <c r="L4" s="37"/>
      <c r="M4" s="37"/>
      <c r="N4" s="37">
        <f>L4*M4</f>
        <v>0</v>
      </c>
      <c r="P4" s="128" t="s">
        <v>155</v>
      </c>
      <c r="Q4" s="42">
        <v>5</v>
      </c>
      <c r="R4" s="37">
        <f>$B$3*R9</f>
        <v>0</v>
      </c>
      <c r="S4" s="37">
        <f t="shared" ref="S4:V4" si="0">$B$3*S9</f>
        <v>0</v>
      </c>
      <c r="T4" s="37">
        <f t="shared" si="0"/>
        <v>0</v>
      </c>
      <c r="U4" s="37">
        <f t="shared" si="0"/>
        <v>0</v>
      </c>
      <c r="V4" s="37">
        <f t="shared" si="0"/>
        <v>0</v>
      </c>
      <c r="X4" s="37">
        <v>1</v>
      </c>
      <c r="Y4" s="43">
        <v>3</v>
      </c>
      <c r="Z4" s="37" t="s">
        <v>156</v>
      </c>
    </row>
    <row r="5" spans="2:26">
      <c r="B5" s="37">
        <v>2</v>
      </c>
      <c r="C5" s="37"/>
      <c r="D5" s="37"/>
      <c r="E5" s="37"/>
      <c r="F5" s="37"/>
      <c r="G5" s="37"/>
      <c r="H5" s="37"/>
      <c r="I5" s="37"/>
      <c r="J5" s="37">
        <f t="shared" ref="J5:J13" si="1">H5*I5</f>
        <v>0</v>
      </c>
      <c r="K5" s="37"/>
      <c r="L5" s="37"/>
      <c r="M5" s="37"/>
      <c r="N5" s="37">
        <f t="shared" ref="N5:N13" si="2">L5*M5</f>
        <v>0</v>
      </c>
      <c r="P5" s="129"/>
      <c r="Q5" s="44">
        <v>4</v>
      </c>
      <c r="R5" s="37">
        <f>$B$4*R9</f>
        <v>1</v>
      </c>
      <c r="S5" s="37">
        <f t="shared" ref="S5:V5" si="3">$B$4*S9</f>
        <v>2</v>
      </c>
      <c r="T5" s="37">
        <f t="shared" si="3"/>
        <v>3</v>
      </c>
      <c r="U5" s="37">
        <f t="shared" si="3"/>
        <v>4</v>
      </c>
      <c r="V5" s="37">
        <f t="shared" si="3"/>
        <v>5</v>
      </c>
      <c r="X5" s="43">
        <v>4</v>
      </c>
      <c r="Y5" s="43">
        <v>6</v>
      </c>
      <c r="Z5" s="37" t="s">
        <v>157</v>
      </c>
    </row>
    <row r="6" spans="2:26">
      <c r="B6" s="37">
        <v>3</v>
      </c>
      <c r="C6" s="37"/>
      <c r="D6" s="37"/>
      <c r="E6" s="37"/>
      <c r="F6" s="37"/>
      <c r="G6" s="37"/>
      <c r="H6" s="37"/>
      <c r="I6" s="37"/>
      <c r="J6" s="37">
        <f t="shared" si="1"/>
        <v>0</v>
      </c>
      <c r="K6" s="37"/>
      <c r="L6" s="37"/>
      <c r="M6" s="37"/>
      <c r="N6" s="37">
        <f t="shared" si="2"/>
        <v>0</v>
      </c>
      <c r="P6" s="129"/>
      <c r="Q6" s="44">
        <v>3</v>
      </c>
      <c r="R6" s="37">
        <f>$B$5*R9</f>
        <v>2</v>
      </c>
      <c r="S6" s="37">
        <f t="shared" ref="S6:V6" si="4">$B$5*S9</f>
        <v>4</v>
      </c>
      <c r="T6" s="37">
        <f t="shared" si="4"/>
        <v>6</v>
      </c>
      <c r="U6" s="37">
        <f t="shared" si="4"/>
        <v>8</v>
      </c>
      <c r="V6" s="37">
        <f t="shared" si="4"/>
        <v>10</v>
      </c>
      <c r="X6" s="43">
        <v>8</v>
      </c>
      <c r="Y6" s="43">
        <v>12</v>
      </c>
      <c r="Z6" s="37" t="s">
        <v>158</v>
      </c>
    </row>
    <row r="7" spans="2:26">
      <c r="B7" s="37">
        <v>4</v>
      </c>
      <c r="C7" s="37"/>
      <c r="D7" s="37"/>
      <c r="E7" s="37"/>
      <c r="F7" s="37"/>
      <c r="G7" s="37"/>
      <c r="H7" s="37"/>
      <c r="I7" s="37"/>
      <c r="J7" s="37">
        <f t="shared" si="1"/>
        <v>0</v>
      </c>
      <c r="K7" s="37"/>
      <c r="L7" s="37"/>
      <c r="M7" s="37"/>
      <c r="N7" s="37">
        <f t="shared" si="2"/>
        <v>0</v>
      </c>
      <c r="P7" s="129"/>
      <c r="Q7" s="44">
        <v>2</v>
      </c>
      <c r="R7" s="37">
        <f>$B$6*R9</f>
        <v>3</v>
      </c>
      <c r="S7" s="37">
        <f t="shared" ref="S7:V7" si="5">$B$6*S9</f>
        <v>6</v>
      </c>
      <c r="T7" s="37">
        <f t="shared" si="5"/>
        <v>9</v>
      </c>
      <c r="U7" s="37">
        <f t="shared" si="5"/>
        <v>12</v>
      </c>
      <c r="V7" s="37">
        <f t="shared" si="5"/>
        <v>15</v>
      </c>
      <c r="X7" s="43">
        <v>15</v>
      </c>
      <c r="Y7" s="43">
        <v>25</v>
      </c>
      <c r="Z7" s="37" t="s">
        <v>159</v>
      </c>
    </row>
    <row r="8" spans="2:26">
      <c r="B8" s="37">
        <v>5</v>
      </c>
      <c r="C8" s="37"/>
      <c r="D8" s="37"/>
      <c r="E8" s="37"/>
      <c r="F8" s="37"/>
      <c r="G8" s="37"/>
      <c r="H8" s="37"/>
      <c r="I8" s="37"/>
      <c r="J8" s="37">
        <f t="shared" si="1"/>
        <v>0</v>
      </c>
      <c r="K8" s="37"/>
      <c r="L8" s="37"/>
      <c r="M8" s="37"/>
      <c r="N8" s="37">
        <f t="shared" si="2"/>
        <v>0</v>
      </c>
      <c r="P8" s="130"/>
      <c r="Q8" s="45">
        <v>1</v>
      </c>
      <c r="R8" s="37">
        <f>$B$7*R9</f>
        <v>4</v>
      </c>
      <c r="S8" s="37">
        <f t="shared" ref="S8:V8" si="6">$B$7*S9</f>
        <v>8</v>
      </c>
      <c r="T8" s="37">
        <f t="shared" si="6"/>
        <v>12</v>
      </c>
      <c r="U8" s="37">
        <f t="shared" si="6"/>
        <v>16</v>
      </c>
      <c r="V8" s="37">
        <f t="shared" si="6"/>
        <v>20</v>
      </c>
    </row>
    <row r="9" spans="2:26">
      <c r="B9" s="37">
        <v>6</v>
      </c>
      <c r="C9" s="37"/>
      <c r="D9" s="37"/>
      <c r="E9" s="37"/>
      <c r="F9" s="37"/>
      <c r="G9" s="37"/>
      <c r="H9" s="37"/>
      <c r="I9" s="37"/>
      <c r="J9" s="37">
        <f t="shared" si="1"/>
        <v>0</v>
      </c>
      <c r="K9" s="37"/>
      <c r="L9" s="37"/>
      <c r="M9" s="37"/>
      <c r="N9" s="37">
        <f t="shared" si="2"/>
        <v>0</v>
      </c>
      <c r="R9" s="46">
        <v>1</v>
      </c>
      <c r="S9" s="47">
        <v>2</v>
      </c>
      <c r="T9" s="47">
        <v>3</v>
      </c>
      <c r="U9" s="47">
        <v>4</v>
      </c>
      <c r="V9" s="42">
        <v>5</v>
      </c>
    </row>
    <row r="10" spans="2:26">
      <c r="B10" s="37">
        <v>7</v>
      </c>
      <c r="C10" s="37"/>
      <c r="D10" s="37"/>
      <c r="E10" s="37"/>
      <c r="F10" s="37"/>
      <c r="G10" s="37"/>
      <c r="H10" s="37"/>
      <c r="I10" s="37"/>
      <c r="J10" s="37">
        <f t="shared" si="1"/>
        <v>0</v>
      </c>
      <c r="K10" s="37"/>
      <c r="L10" s="37"/>
      <c r="M10" s="37"/>
      <c r="N10" s="37">
        <f t="shared" si="2"/>
        <v>0</v>
      </c>
      <c r="R10" s="131" t="s">
        <v>160</v>
      </c>
      <c r="S10" s="132"/>
      <c r="T10" s="132"/>
      <c r="U10" s="132"/>
      <c r="V10" s="133"/>
    </row>
    <row r="11" spans="2:26">
      <c r="B11" s="37">
        <v>8</v>
      </c>
      <c r="C11" s="37"/>
      <c r="D11" s="37"/>
      <c r="E11" s="37"/>
      <c r="F11" s="37"/>
      <c r="G11" s="37"/>
      <c r="H11" s="37"/>
      <c r="I11" s="37"/>
      <c r="J11" s="37">
        <f t="shared" si="1"/>
        <v>0</v>
      </c>
      <c r="K11" s="37"/>
      <c r="L11" s="37"/>
      <c r="M11" s="37"/>
      <c r="N11" s="37">
        <f t="shared" si="2"/>
        <v>0</v>
      </c>
    </row>
    <row r="12" spans="2:26">
      <c r="B12" s="37">
        <v>9</v>
      </c>
      <c r="C12" s="37"/>
      <c r="D12" s="37"/>
      <c r="E12" s="37"/>
      <c r="F12" s="37"/>
      <c r="G12" s="37"/>
      <c r="H12" s="37"/>
      <c r="I12" s="37"/>
      <c r="J12" s="37">
        <f t="shared" si="1"/>
        <v>0</v>
      </c>
      <c r="K12" s="37"/>
      <c r="L12" s="37"/>
      <c r="M12" s="37"/>
      <c r="N12" s="37">
        <f t="shared" si="2"/>
        <v>0</v>
      </c>
    </row>
    <row r="13" spans="2:26">
      <c r="B13" s="37">
        <v>10</v>
      </c>
      <c r="C13" s="37"/>
      <c r="D13" s="37"/>
      <c r="E13" s="37"/>
      <c r="F13" s="37"/>
      <c r="G13" s="37"/>
      <c r="H13" s="37"/>
      <c r="I13" s="37"/>
      <c r="J13" s="37">
        <f t="shared" si="1"/>
        <v>0</v>
      </c>
      <c r="K13" s="37"/>
      <c r="L13" s="37"/>
      <c r="M13" s="37"/>
      <c r="N13" s="37">
        <f t="shared" si="2"/>
        <v>0</v>
      </c>
    </row>
  </sheetData>
  <mergeCells count="15">
    <mergeCell ref="X3:Z3"/>
    <mergeCell ref="P4:P8"/>
    <mergeCell ref="R10:V10"/>
    <mergeCell ref="J2:J3"/>
    <mergeCell ref="K2:K3"/>
    <mergeCell ref="L2:L3"/>
    <mergeCell ref="M2:M3"/>
    <mergeCell ref="N2:N3"/>
    <mergeCell ref="R3:V3"/>
    <mergeCell ref="I2:I3"/>
    <mergeCell ref="E2:G2"/>
    <mergeCell ref="B2:B3"/>
    <mergeCell ref="C2:C3"/>
    <mergeCell ref="D2:D3"/>
    <mergeCell ref="H2:H3"/>
  </mergeCells>
  <conditionalFormatting sqref="J1:J1048576 N1:N1048576">
    <cfRule type="cellIs" dxfId="7" priority="5" operator="between">
      <formula>15</formula>
      <formula>25</formula>
    </cfRule>
    <cfRule type="cellIs" dxfId="6" priority="6" operator="between">
      <formula>8</formula>
      <formula>12</formula>
    </cfRule>
    <cfRule type="cellIs" dxfId="5" priority="7" operator="between">
      <formula>4</formula>
      <formula>6</formula>
    </cfRule>
    <cfRule type="cellIs" dxfId="4" priority="8" operator="between">
      <formula>1</formula>
      <formula>3</formula>
    </cfRule>
  </conditionalFormatting>
  <conditionalFormatting sqref="X4:Y7 R4:V8">
    <cfRule type="cellIs" dxfId="3" priority="1" operator="between">
      <formula>15</formula>
      <formula>25</formula>
    </cfRule>
    <cfRule type="cellIs" dxfId="2" priority="2" operator="between">
      <formula>8</formula>
      <formula>12</formula>
    </cfRule>
    <cfRule type="cellIs" dxfId="1" priority="3" operator="between">
      <formula>4</formula>
      <formula>6</formula>
    </cfRule>
    <cfRule type="cellIs" dxfId="0" priority="4" operator="between">
      <formula>1</formula>
      <formula>3</formula>
    </cfRule>
  </conditionalFormatting>
  <dataValidations count="1">
    <dataValidation type="whole" allowBlank="1" showInputMessage="1" showErrorMessage="1" sqref="H4:I13 L4:M13" xr:uid="{8079888A-A3C1-4D05-AF21-F90A2E8AF6CD}">
      <formula1>1</formula1>
      <formula2>5</formula2>
    </dataValidation>
  </dataValidations>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2f26fbf1-0a76-4aea-beea-f2ad567e296c">
      <Terms xmlns="http://schemas.microsoft.com/office/infopath/2007/PartnerControls"/>
    </lcf76f155ced4ddcb4097134ff3c332f>
    <TaxCatchAll xmlns="4c0fc6d1-1ff6-4501-9111-f8704c4ff172"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CEDF15DA8E7FD3488839F6A80CEFFCB0" ma:contentTypeVersion="17" ma:contentTypeDescription="Create a new document." ma:contentTypeScope="" ma:versionID="750539d21323073920aabb9f57a3cdf9">
  <xsd:schema xmlns:xsd="http://www.w3.org/2001/XMLSchema" xmlns:xs="http://www.w3.org/2001/XMLSchema" xmlns:p="http://schemas.microsoft.com/office/2006/metadata/properties" xmlns:ns2="2f26fbf1-0a76-4aea-beea-f2ad567e296c" xmlns:ns3="4c0fc6d1-1ff6-4501-9111-f8704c4ff172" targetNamespace="http://schemas.microsoft.com/office/2006/metadata/properties" ma:root="true" ma:fieldsID="e70b833430243dd764323324f140cecf" ns2:_="" ns3:_="">
    <xsd:import namespace="2f26fbf1-0a76-4aea-beea-f2ad567e296c"/>
    <xsd:import namespace="4c0fc6d1-1ff6-4501-9111-f8704c4ff17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DateTaken" minOccurs="0"/>
                <xsd:element ref="ns2:MediaServiceAutoTags" minOccurs="0"/>
                <xsd:element ref="ns2:MediaLengthInSeconds" minOccurs="0"/>
                <xsd:element ref="ns2:MediaServiceGenerationTime" minOccurs="0"/>
                <xsd:element ref="ns2:MediaServiceEventHashCode" minOccurs="0"/>
                <xsd:element ref="ns2:MediaServiceObjectDetectorVersions" minOccurs="0"/>
                <xsd:element ref="ns2:lcf76f155ced4ddcb4097134ff3c332f" minOccurs="0"/>
                <xsd:element ref="ns3:TaxCatchAll" minOccurs="0"/>
                <xsd:element ref="ns2:MediaServiceOCR"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f26fbf1-0a76-4aea-beea-f2ad567e296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bjectDetectorVersions" ma:index="19" nillable="true" ma:displayName="MediaServiceObjectDetectorVersions" ma:hidden="true" ma:indexed="true" ma:internalName="MediaServiceObjectDetectorVersions" ma:readOnly="true">
      <xsd:simpleType>
        <xsd:restriction base="dms:Text"/>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3323a573-f4b2-49c1-a657-d409971bfafb" ma:termSetId="09814cd3-568e-fe90-9814-8d621ff8fb84" ma:anchorId="fba54fb3-c3e1-fe81-a776-ca4b69148c4d" ma:open="true" ma:isKeyword="false">
      <xsd:complexType>
        <xsd:sequence>
          <xsd:element ref="pc:Terms" minOccurs="0" maxOccurs="1"/>
        </xsd:sequence>
      </xsd:complexType>
    </xsd:element>
    <xsd:element name="MediaServiceOCR" ma:index="23" nillable="true" ma:displayName="Extracted Text" ma:internalName="MediaServiceOCR" ma:readOnly="true">
      <xsd:simpleType>
        <xsd:restriction base="dms:Note">
          <xsd:maxLength value="255"/>
        </xsd:restriction>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4c0fc6d1-1ff6-4501-9111-f8704c4ff172"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6460c269-c4b6-4590-a052-61368eabc0e5}" ma:internalName="TaxCatchAll" ma:showField="CatchAllData" ma:web="4c0fc6d1-1ff6-4501-9111-f8704c4ff17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62CB8C1F-D40D-4C86-BB4B-0CF96D922D6C}"/>
</file>

<file path=customXml/itemProps2.xml><?xml version="1.0" encoding="utf-8"?>
<ds:datastoreItem xmlns:ds="http://schemas.openxmlformats.org/officeDocument/2006/customXml" ds:itemID="{E59C169C-5B71-4139-B067-6BD7D31FA149}"/>
</file>

<file path=customXml/itemProps3.xml><?xml version="1.0" encoding="utf-8"?>
<ds:datastoreItem xmlns:ds="http://schemas.openxmlformats.org/officeDocument/2006/customXml" ds:itemID="{A8A667CD-A7F2-446B-82AB-A1DB23424DBB}"/>
</file>

<file path=customXml/itemProps4.xml><?xml version="1.0" encoding="utf-8"?>
<ds:datastoreItem xmlns:ds="http://schemas.openxmlformats.org/officeDocument/2006/customXml" ds:itemID="{26E4FD96-4164-423F-948E-8E6BCFB07F01}"/>
</file>

<file path=customXml/itemProps5.xml><?xml version="1.0" encoding="utf-8"?>
<ds:datastoreItem xmlns:ds="http://schemas.openxmlformats.org/officeDocument/2006/customXml" ds:itemID="{B10D012F-8076-4353-8D5F-EFE3E3188725}"/>
</file>

<file path=docMetadata/LabelInfo.xml><?xml version="1.0" encoding="utf-8"?>
<clbl:labelList xmlns:clbl="http://schemas.microsoft.com/office/2020/mipLabelMetadata">
  <clbl:label id="{82fa3fd3-029b-403d-91b4-1dc930cb0e60}" enabled="1" method="Privileged" siteId="{4ae48b41-0137-4599-8661-fc641fe77bea}" removed="0"/>
  <clbl:label id="{8f768d54-1ecc-4d11-a6ac-b016e5138fa0}" enabled="0" method="" siteId="{8f768d54-1ecc-4d11-a6ac-b016e5138fa0}" removed="1"/>
</clbl:labelList>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nathan Gibb</dc:creator>
  <cp:keywords/>
  <dc:description/>
  <cp:lastModifiedBy>Lisa-Marie Robson</cp:lastModifiedBy>
  <cp:revision/>
  <dcterms:created xsi:type="dcterms:W3CDTF">2025-09-26T07:36:49Z</dcterms:created>
  <dcterms:modified xsi:type="dcterms:W3CDTF">2026-02-02T16:19:32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1078141529260557006</vt:lpwstr>
  </property>
  <property fmtid="{D5CDD505-2E9C-101B-9397-08002B2CF9AE}" pid="11" name="TemplafyUserProfileId">
    <vt:lpwstr>122950683667962267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MediaServiceImageTags">
    <vt:lpwstr/>
  </property>
  <property fmtid="{D5CDD505-2E9C-101B-9397-08002B2CF9AE}" pid="15" name="ContentTypeId">
    <vt:lpwstr>0x010100CEDF15DA8E7FD3488839F6A80CEFFCB0</vt:lpwstr>
  </property>
</Properties>
</file>